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5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7年度\06_完成版（起案用）\02_財政編\"/>
    </mc:Choice>
  </mc:AlternateContent>
  <xr:revisionPtr revIDLastSave="0" documentId="13_ncr:1_{EB27561B-68E9-4F50-9188-554A2FE6F591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12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2'!$A$1:$DK$39</definedName>
    <definedName name="_xlnm.Print_Titles" localSheetId="0">'12'!$A:$A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01" uniqueCount="228">
  <si>
    <t>左の内訳</t>
    <rPh sb="0" eb="1">
      <t>ヒダリ</t>
    </rPh>
    <rPh sb="2" eb="4">
      <t>ウチワケ</t>
    </rPh>
    <phoneticPr fontId="1"/>
  </si>
  <si>
    <t>左の内訳</t>
    <rPh sb="0" eb="1">
      <t>ヒダリ</t>
    </rPh>
    <phoneticPr fontId="1"/>
  </si>
  <si>
    <t>利子割</t>
  </si>
  <si>
    <t>配当割</t>
    <rPh sb="0" eb="2">
      <t>ハイトウ</t>
    </rPh>
    <rPh sb="2" eb="3">
      <t>ワ</t>
    </rPh>
    <phoneticPr fontId="1"/>
  </si>
  <si>
    <t>株式等</t>
    <rPh sb="0" eb="2">
      <t>カブシキ</t>
    </rPh>
    <rPh sb="2" eb="3">
      <t>トウ</t>
    </rPh>
    <phoneticPr fontId="1"/>
  </si>
  <si>
    <t>地方</t>
    <rPh sb="0" eb="2">
      <t>チホウ</t>
    </rPh>
    <phoneticPr fontId="1"/>
  </si>
  <si>
    <t>ゴルフ場</t>
  </si>
  <si>
    <t>地方特例</t>
  </si>
  <si>
    <t>交通安全対策</t>
    <rPh sb="4" eb="6">
      <t>タイサク</t>
    </rPh>
    <phoneticPr fontId="1"/>
  </si>
  <si>
    <t>分担金</t>
  </si>
  <si>
    <t>法定受託</t>
    <rPh sb="0" eb="2">
      <t>ホウテイ</t>
    </rPh>
    <rPh sb="2" eb="4">
      <t>ジュタク</t>
    </rPh>
    <phoneticPr fontId="1"/>
  </si>
  <si>
    <t>障害者</t>
    <rPh sb="0" eb="2">
      <t>ショウガイ</t>
    </rPh>
    <rPh sb="2" eb="3">
      <t>シャ</t>
    </rPh>
    <phoneticPr fontId="1"/>
  </si>
  <si>
    <t>特定防衛施設</t>
    <rPh sb="4" eb="6">
      <t>シセツ</t>
    </rPh>
    <phoneticPr fontId="1"/>
  </si>
  <si>
    <t>電源立地</t>
    <rPh sb="0" eb="2">
      <t>デンゲン</t>
    </rPh>
    <rPh sb="2" eb="4">
      <t>リッチ</t>
    </rPh>
    <phoneticPr fontId="1"/>
  </si>
  <si>
    <t>都道府県</t>
  </si>
  <si>
    <t>繰越事業費等</t>
  </si>
  <si>
    <t>延滞金</t>
  </si>
  <si>
    <t>公営企業</t>
  </si>
  <si>
    <t>地方税</t>
  </si>
  <si>
    <t>地方譲与税</t>
  </si>
  <si>
    <t>地方揮発油</t>
    <rPh sb="0" eb="2">
      <t>チホウ</t>
    </rPh>
    <rPh sb="2" eb="5">
      <t>キハツユ</t>
    </rPh>
    <phoneticPr fontId="1"/>
  </si>
  <si>
    <t>特別とん</t>
  </si>
  <si>
    <t>石油ガス</t>
  </si>
  <si>
    <t>自動車重量</t>
  </si>
  <si>
    <t>航空機燃料</t>
    <rPh sb="3" eb="4">
      <t>ネン</t>
    </rPh>
    <rPh sb="4" eb="5">
      <t>リョウ</t>
    </rPh>
    <phoneticPr fontId="1"/>
  </si>
  <si>
    <t>交付金</t>
  </si>
  <si>
    <t>交付金</t>
    <rPh sb="0" eb="3">
      <t>コウフキン</t>
    </rPh>
    <phoneticPr fontId="1"/>
  </si>
  <si>
    <t>譲渡所得割</t>
  </si>
  <si>
    <t>消費税</t>
  </si>
  <si>
    <t>利用税</t>
  </si>
  <si>
    <t>地方交付税</t>
  </si>
  <si>
    <t>普通交付税</t>
  </si>
  <si>
    <t>特別交付税</t>
  </si>
  <si>
    <t>震災復興</t>
  </si>
  <si>
    <t>同級他団体</t>
  </si>
  <si>
    <t>その他</t>
  </si>
  <si>
    <t>使用料</t>
  </si>
  <si>
    <t>授業料</t>
  </si>
  <si>
    <t>保育所</t>
  </si>
  <si>
    <t>公営住宅</t>
  </si>
  <si>
    <t>手数料</t>
  </si>
  <si>
    <t>国庫支出金</t>
  </si>
  <si>
    <t>生活保護費</t>
    <rPh sb="4" eb="5">
      <t>ヒ</t>
    </rPh>
    <phoneticPr fontId="2"/>
  </si>
  <si>
    <t>児童保護費等</t>
    <rPh sb="4" eb="5">
      <t>ヒ</t>
    </rPh>
    <rPh sb="5" eb="6">
      <t>ナド</t>
    </rPh>
    <phoneticPr fontId="1"/>
  </si>
  <si>
    <t>委託金</t>
  </si>
  <si>
    <t>普通建設</t>
  </si>
  <si>
    <t>災害復旧</t>
  </si>
  <si>
    <t>社会資本整備</t>
  </si>
  <si>
    <t>地域対策</t>
    <rPh sb="0" eb="2">
      <t>チイキ</t>
    </rPh>
    <rPh sb="2" eb="4">
      <t>タイサク</t>
    </rPh>
    <phoneticPr fontId="2"/>
  </si>
  <si>
    <t>施設等</t>
  </si>
  <si>
    <t>支出金</t>
    <rPh sb="0" eb="3">
      <t>シシュツキン</t>
    </rPh>
    <phoneticPr fontId="2"/>
  </si>
  <si>
    <t>電源立地</t>
  </si>
  <si>
    <t>石油貯蔵施設</t>
  </si>
  <si>
    <t>都道府県費</t>
    <rPh sb="0" eb="2">
      <t>トドウ</t>
    </rPh>
    <rPh sb="2" eb="3">
      <t>フ</t>
    </rPh>
    <rPh sb="3" eb="5">
      <t>ケンピ</t>
    </rPh>
    <phoneticPr fontId="2"/>
  </si>
  <si>
    <t>財産収入</t>
  </si>
  <si>
    <t>財産運用</t>
  </si>
  <si>
    <t>財産売払</t>
  </si>
  <si>
    <t>寄附金</t>
    <rPh sb="0" eb="3">
      <t>キフキン</t>
    </rPh>
    <phoneticPr fontId="1"/>
  </si>
  <si>
    <t>繰入金</t>
    <rPh sb="0" eb="3">
      <t>クリイレキン</t>
    </rPh>
    <phoneticPr fontId="1"/>
  </si>
  <si>
    <t>繰越金</t>
  </si>
  <si>
    <t>純繰越金</t>
  </si>
  <si>
    <t>充当財源</t>
  </si>
  <si>
    <t>諸収入</t>
  </si>
  <si>
    <t>加算金</t>
  </si>
  <si>
    <t>預金利子</t>
  </si>
  <si>
    <t>貸付金</t>
  </si>
  <si>
    <t>受託事業</t>
  </si>
  <si>
    <t>民間</t>
  </si>
  <si>
    <t>収益事業</t>
  </si>
  <si>
    <t>雑入</t>
  </si>
  <si>
    <t>一部事務組合</t>
    <rPh sb="4" eb="6">
      <t>クミアイ</t>
    </rPh>
    <phoneticPr fontId="2"/>
  </si>
  <si>
    <t>地方債</t>
  </si>
  <si>
    <t>歳入合計</t>
  </si>
  <si>
    <t>譲与税</t>
    <rPh sb="0" eb="1">
      <t>ユズル</t>
    </rPh>
    <rPh sb="1" eb="2">
      <t>アタエ</t>
    </rPh>
    <rPh sb="2" eb="3">
      <t>ゼイ</t>
    </rPh>
    <phoneticPr fontId="1"/>
  </si>
  <si>
    <t>譲与税</t>
  </si>
  <si>
    <t>からのもの</t>
  </si>
  <si>
    <t>高等学校</t>
  </si>
  <si>
    <t>幼稚園</t>
  </si>
  <si>
    <t>事業</t>
  </si>
  <si>
    <t>総合交付金</t>
  </si>
  <si>
    <t>所在市町村</t>
  </si>
  <si>
    <t>伴うもの</t>
  </si>
  <si>
    <t>保護費等</t>
  </si>
  <si>
    <t>支援給付費等</t>
    <rPh sb="0" eb="2">
      <t>シエン</t>
    </rPh>
    <phoneticPr fontId="1"/>
  </si>
  <si>
    <t>地域対策</t>
    <rPh sb="0" eb="2">
      <t>チイキ</t>
    </rPh>
    <rPh sb="2" eb="4">
      <t>タイサク</t>
    </rPh>
    <phoneticPr fontId="1"/>
  </si>
  <si>
    <t>事業費</t>
  </si>
  <si>
    <t>収入</t>
    <rPh sb="0" eb="2">
      <t>シュウニュウ</t>
    </rPh>
    <phoneticPr fontId="1"/>
  </si>
  <si>
    <t>土地建物</t>
  </si>
  <si>
    <t>立木竹</t>
  </si>
  <si>
    <t>繰越額</t>
  </si>
  <si>
    <t>及び過料</t>
  </si>
  <si>
    <t>元利収入</t>
  </si>
  <si>
    <t>元利収入</t>
    <rPh sb="0" eb="2">
      <t>ガンリ</t>
    </rPh>
    <rPh sb="2" eb="4">
      <t>シュウニュウ</t>
    </rPh>
    <phoneticPr fontId="1"/>
  </si>
  <si>
    <t>配分金</t>
    <rPh sb="0" eb="2">
      <t>ハイブン</t>
    </rPh>
    <phoneticPr fontId="1"/>
  </si>
  <si>
    <t>助成交付金</t>
  </si>
  <si>
    <t>負担金</t>
  </si>
  <si>
    <t>負担金</t>
    <rPh sb="0" eb="3">
      <t>フタンキン</t>
    </rPh>
    <phoneticPr fontId="1"/>
  </si>
  <si>
    <t>支出金</t>
    <rPh sb="0" eb="1">
      <t>ササ</t>
    </rPh>
    <phoneticPr fontId="1"/>
  </si>
  <si>
    <t>自動車</t>
    <phoneticPr fontId="2"/>
  </si>
  <si>
    <t>軽油</t>
    <phoneticPr fontId="2"/>
  </si>
  <si>
    <t>公立高等学校</t>
    <phoneticPr fontId="2"/>
  </si>
  <si>
    <t>普通建設</t>
    <phoneticPr fontId="1"/>
  </si>
  <si>
    <t>災害復旧</t>
    <phoneticPr fontId="1"/>
  </si>
  <si>
    <t>失業対策</t>
    <phoneticPr fontId="1"/>
  </si>
  <si>
    <t>国有提供</t>
    <phoneticPr fontId="2"/>
  </si>
  <si>
    <t>取得税</t>
    <phoneticPr fontId="2"/>
  </si>
  <si>
    <t>引取税</t>
    <phoneticPr fontId="2"/>
  </si>
  <si>
    <t>特別交付金</t>
    <phoneticPr fontId="2"/>
  </si>
  <si>
    <t>及び負担金</t>
    <phoneticPr fontId="2"/>
  </si>
  <si>
    <t>事務に</t>
    <phoneticPr fontId="2"/>
  </si>
  <si>
    <t>自治事務に</t>
    <phoneticPr fontId="2"/>
  </si>
  <si>
    <t>自立支援</t>
    <phoneticPr fontId="2"/>
  </si>
  <si>
    <t>授業料</t>
    <phoneticPr fontId="2"/>
  </si>
  <si>
    <t>事業費</t>
    <phoneticPr fontId="2"/>
  </si>
  <si>
    <t>財政補給金</t>
    <phoneticPr fontId="2"/>
  </si>
  <si>
    <t>周辺整備</t>
    <phoneticPr fontId="2"/>
  </si>
  <si>
    <t>国庫財源を</t>
    <phoneticPr fontId="2"/>
  </si>
  <si>
    <t>児童</t>
    <phoneticPr fontId="1"/>
  </si>
  <si>
    <t>障害者自立</t>
    <phoneticPr fontId="2"/>
  </si>
  <si>
    <t>普通建設</t>
    <phoneticPr fontId="2"/>
  </si>
  <si>
    <t>災害復旧</t>
    <phoneticPr fontId="2"/>
  </si>
  <si>
    <t>新エネルギー・産業</t>
    <phoneticPr fontId="2"/>
  </si>
  <si>
    <t>譲与税</t>
    <phoneticPr fontId="2"/>
  </si>
  <si>
    <t>交付金</t>
    <phoneticPr fontId="2"/>
  </si>
  <si>
    <t>係るもの</t>
    <phoneticPr fontId="2"/>
  </si>
  <si>
    <t>負担金</t>
    <phoneticPr fontId="1"/>
  </si>
  <si>
    <t>給付費等</t>
    <phoneticPr fontId="2"/>
  </si>
  <si>
    <t>不徴収</t>
    <phoneticPr fontId="2"/>
  </si>
  <si>
    <t>支出金</t>
    <phoneticPr fontId="2"/>
  </si>
  <si>
    <t>調整交付金</t>
    <phoneticPr fontId="2"/>
  </si>
  <si>
    <t>交付金</t>
    <phoneticPr fontId="2"/>
  </si>
  <si>
    <t>事業費</t>
    <phoneticPr fontId="2"/>
  </si>
  <si>
    <t>普通建設</t>
    <phoneticPr fontId="2"/>
  </si>
  <si>
    <t>災害復旧</t>
    <phoneticPr fontId="2"/>
  </si>
  <si>
    <t>その他</t>
    <phoneticPr fontId="2"/>
  </si>
  <si>
    <t>立地対策等</t>
    <phoneticPr fontId="2"/>
  </si>
  <si>
    <t>のみのもの</t>
    <phoneticPr fontId="2"/>
  </si>
  <si>
    <t>技術総合開発機構</t>
    <phoneticPr fontId="2"/>
  </si>
  <si>
    <t>負担金</t>
    <phoneticPr fontId="2"/>
  </si>
  <si>
    <t>事業</t>
    <phoneticPr fontId="2"/>
  </si>
  <si>
    <t>支出金</t>
    <phoneticPr fontId="1"/>
  </si>
  <si>
    <t>からのもの</t>
    <phoneticPr fontId="2"/>
  </si>
  <si>
    <t>児童手当等</t>
    <rPh sb="0" eb="2">
      <t>ジドウ</t>
    </rPh>
    <rPh sb="2" eb="5">
      <t>テアテトウ</t>
    </rPh>
    <phoneticPr fontId="2"/>
  </si>
  <si>
    <t>児童手当等</t>
    <rPh sb="0" eb="2">
      <t>ジドウ</t>
    </rPh>
    <rPh sb="2" eb="5">
      <t>テアテトウ</t>
    </rPh>
    <phoneticPr fontId="1"/>
  </si>
  <si>
    <t>交付金</t>
    <rPh sb="0" eb="3">
      <t>コウフキン</t>
    </rPh>
    <phoneticPr fontId="2"/>
  </si>
  <si>
    <t>分離課税</t>
    <rPh sb="0" eb="2">
      <t>ブンリ</t>
    </rPh>
    <rPh sb="2" eb="4">
      <t>カゼイ</t>
    </rPh>
    <phoneticPr fontId="2"/>
  </si>
  <si>
    <t>所得割</t>
    <rPh sb="0" eb="2">
      <t>ショトク</t>
    </rPh>
    <rPh sb="2" eb="3">
      <t>ワリ</t>
    </rPh>
    <phoneticPr fontId="2"/>
  </si>
  <si>
    <t>左の内訳</t>
    <rPh sb="0" eb="1">
      <t>ヒダリ</t>
    </rPh>
    <rPh sb="2" eb="4">
      <t>ウチワケ</t>
    </rPh>
    <phoneticPr fontId="2"/>
  </si>
  <si>
    <t>左の内訳</t>
    <rPh sb="0" eb="1">
      <t>ヒダリ</t>
    </rPh>
    <rPh sb="2" eb="4">
      <t>ウチワケ</t>
    </rPh>
    <phoneticPr fontId="2"/>
  </si>
  <si>
    <t>ふるさと</t>
    <phoneticPr fontId="2"/>
  </si>
  <si>
    <t>納税</t>
    <rPh sb="0" eb="2">
      <t>ノウゼイ</t>
    </rPh>
    <phoneticPr fontId="2"/>
  </si>
  <si>
    <t>地域創生</t>
    <rPh sb="0" eb="2">
      <t>チイキ</t>
    </rPh>
    <rPh sb="2" eb="4">
      <t>ソウセイ</t>
    </rPh>
    <phoneticPr fontId="2"/>
  </si>
  <si>
    <t>応援税制に</t>
    <rPh sb="0" eb="2">
      <t>オウエン</t>
    </rPh>
    <rPh sb="2" eb="4">
      <t>ゼイセイ</t>
    </rPh>
    <phoneticPr fontId="2"/>
  </si>
  <si>
    <t>その他</t>
    <rPh sb="2" eb="3">
      <t>タ</t>
    </rPh>
    <phoneticPr fontId="2"/>
  </si>
  <si>
    <t>森林環境</t>
    <rPh sb="0" eb="2">
      <t>シンリン</t>
    </rPh>
    <rPh sb="2" eb="4">
      <t>カンキョウ</t>
    </rPh>
    <phoneticPr fontId="2"/>
  </si>
  <si>
    <t>譲与税</t>
    <rPh sb="0" eb="2">
      <t>ジョウヨ</t>
    </rPh>
    <rPh sb="2" eb="3">
      <t>ゼイ</t>
    </rPh>
    <phoneticPr fontId="2"/>
  </si>
  <si>
    <t>自動車税</t>
    <rPh sb="0" eb="3">
      <t>ジドウシャ</t>
    </rPh>
    <rPh sb="3" eb="4">
      <t>ゼイ</t>
    </rPh>
    <phoneticPr fontId="2"/>
  </si>
  <si>
    <t>環境性能割</t>
    <rPh sb="0" eb="2">
      <t>カンキョウ</t>
    </rPh>
    <rPh sb="2" eb="4">
      <t>セイノウ</t>
    </rPh>
    <rPh sb="4" eb="5">
      <t>ワリ</t>
    </rPh>
    <phoneticPr fontId="2"/>
  </si>
  <si>
    <t>交付金</t>
    <rPh sb="0" eb="3">
      <t>コウフキン</t>
    </rPh>
    <phoneticPr fontId="2"/>
  </si>
  <si>
    <t>負担金</t>
    <rPh sb="0" eb="3">
      <t>フタンキン</t>
    </rPh>
    <phoneticPr fontId="2"/>
  </si>
  <si>
    <t>義務教育費</t>
    <rPh sb="0" eb="2">
      <t>ギム</t>
    </rPh>
    <rPh sb="2" eb="5">
      <t>キョウイクヒ</t>
    </rPh>
    <phoneticPr fontId="2"/>
  </si>
  <si>
    <t>法人</t>
    <rPh sb="0" eb="2">
      <t>ホウジン</t>
    </rPh>
    <phoneticPr fontId="2"/>
  </si>
  <si>
    <t>事業税</t>
    <rPh sb="0" eb="3">
      <t>ジギョウゼイ</t>
    </rPh>
    <phoneticPr fontId="2"/>
  </si>
  <si>
    <t>交付金</t>
    <rPh sb="0" eb="3">
      <t>コウフキン</t>
    </rPh>
    <phoneticPr fontId="2"/>
  </si>
  <si>
    <t>新型コロナ</t>
    <rPh sb="0" eb="2">
      <t>シンガタ</t>
    </rPh>
    <phoneticPr fontId="2"/>
  </si>
  <si>
    <t>ウイルス感染症</t>
    <rPh sb="4" eb="7">
      <t>カンセンショウ</t>
    </rPh>
    <phoneticPr fontId="2"/>
  </si>
  <si>
    <t>対応地方創生</t>
    <rPh sb="0" eb="2">
      <t>タイオウ</t>
    </rPh>
    <rPh sb="2" eb="4">
      <t>チホウ</t>
    </rPh>
    <rPh sb="4" eb="6">
      <t>ソウセイ</t>
    </rPh>
    <phoneticPr fontId="2"/>
  </si>
  <si>
    <t>臨時交付金</t>
    <rPh sb="0" eb="2">
      <t>リンジ</t>
    </rPh>
    <rPh sb="2" eb="5">
      <t>コウフキン</t>
    </rPh>
    <phoneticPr fontId="2"/>
  </si>
  <si>
    <t>その他新型</t>
  </si>
  <si>
    <t>コロナウイルス</t>
  </si>
  <si>
    <t>感染症対策</t>
  </si>
  <si>
    <t>関係交付金等</t>
  </si>
  <si>
    <t>新型コロナ</t>
    <rPh sb="0" eb="2">
      <t>シンガタ</t>
    </rPh>
    <phoneticPr fontId="2"/>
  </si>
  <si>
    <t>ウイルス対策</t>
    <rPh sb="4" eb="6">
      <t>タイサク</t>
    </rPh>
    <phoneticPr fontId="2"/>
  </si>
  <si>
    <t>に係るもの</t>
    <rPh sb="1" eb="2">
      <t>カカ</t>
    </rPh>
    <phoneticPr fontId="2"/>
  </si>
  <si>
    <t>相模原市</t>
    <phoneticPr fontId="2"/>
  </si>
  <si>
    <t>小田原市</t>
    <phoneticPr fontId="2"/>
  </si>
  <si>
    <t>伊勢原市</t>
    <phoneticPr fontId="2"/>
  </si>
  <si>
    <t>南足柄市</t>
    <phoneticPr fontId="2"/>
  </si>
  <si>
    <t>綾瀬市</t>
    <phoneticPr fontId="2"/>
  </si>
  <si>
    <t>葉山町</t>
    <phoneticPr fontId="2"/>
  </si>
  <si>
    <t>寒川町</t>
    <phoneticPr fontId="2"/>
  </si>
  <si>
    <t>大磯町</t>
    <phoneticPr fontId="2"/>
  </si>
  <si>
    <t>二宮町</t>
    <phoneticPr fontId="2"/>
  </si>
  <si>
    <t>中井町</t>
    <phoneticPr fontId="2"/>
  </si>
  <si>
    <t>大井町</t>
    <phoneticPr fontId="2"/>
  </si>
  <si>
    <t>松田町</t>
    <phoneticPr fontId="2"/>
  </si>
  <si>
    <t>山北町</t>
    <phoneticPr fontId="2"/>
  </si>
  <si>
    <t>開成町</t>
    <phoneticPr fontId="2"/>
  </si>
  <si>
    <t>箱根町</t>
    <phoneticPr fontId="2"/>
  </si>
  <si>
    <t>真鶴町</t>
    <phoneticPr fontId="2"/>
  </si>
  <si>
    <t>市町村計</t>
    <phoneticPr fontId="2"/>
  </si>
  <si>
    <t>交付金等</t>
    <rPh sb="3" eb="4">
      <t>トウ</t>
    </rPh>
    <phoneticPr fontId="2"/>
  </si>
  <si>
    <t>横浜市</t>
    <phoneticPr fontId="2"/>
  </si>
  <si>
    <t>川崎市</t>
    <phoneticPr fontId="2"/>
  </si>
  <si>
    <t>横須賀市</t>
    <phoneticPr fontId="2"/>
  </si>
  <si>
    <t>平塚市</t>
    <phoneticPr fontId="2"/>
  </si>
  <si>
    <t>鎌倉市</t>
    <phoneticPr fontId="2"/>
  </si>
  <si>
    <t>藤沢市</t>
    <phoneticPr fontId="2"/>
  </si>
  <si>
    <t>茅ヶ崎市</t>
    <phoneticPr fontId="2"/>
  </si>
  <si>
    <t>逗子市</t>
    <phoneticPr fontId="2"/>
  </si>
  <si>
    <t>三浦市</t>
    <phoneticPr fontId="2"/>
  </si>
  <si>
    <t>秦野市</t>
    <phoneticPr fontId="2"/>
  </si>
  <si>
    <t>厚木市</t>
    <phoneticPr fontId="2"/>
  </si>
  <si>
    <t>大和市</t>
    <phoneticPr fontId="2"/>
  </si>
  <si>
    <t>海老名市</t>
    <phoneticPr fontId="2"/>
  </si>
  <si>
    <t>座間市</t>
    <phoneticPr fontId="2"/>
  </si>
  <si>
    <t>湯河原町</t>
    <phoneticPr fontId="2"/>
  </si>
  <si>
    <t>愛川町</t>
    <phoneticPr fontId="2"/>
  </si>
  <si>
    <t>清川村</t>
    <phoneticPr fontId="2"/>
  </si>
  <si>
    <t>物価高騰</t>
    <rPh sb="0" eb="2">
      <t>ブッカ</t>
    </rPh>
    <rPh sb="2" eb="4">
      <t>コウトウ</t>
    </rPh>
    <phoneticPr fontId="2"/>
  </si>
  <si>
    <t>対応分</t>
    <rPh sb="0" eb="2">
      <t>タイオウ</t>
    </rPh>
    <rPh sb="2" eb="3">
      <t>ブン</t>
    </rPh>
    <phoneticPr fontId="2"/>
  </si>
  <si>
    <t>その他</t>
    <rPh sb="2" eb="3">
      <t>タ</t>
    </rPh>
    <phoneticPr fontId="2"/>
  </si>
  <si>
    <t>左の内訳</t>
    <phoneticPr fontId="2"/>
  </si>
  <si>
    <t>デジタル田園</t>
    <rPh sb="4" eb="6">
      <t>デンエン</t>
    </rPh>
    <phoneticPr fontId="2"/>
  </si>
  <si>
    <t>都市国家構想</t>
    <rPh sb="0" eb="2">
      <t>トシ</t>
    </rPh>
    <rPh sb="2" eb="4">
      <t>コッカ</t>
    </rPh>
    <rPh sb="4" eb="6">
      <t>コウソウ</t>
    </rPh>
    <phoneticPr fontId="2"/>
  </si>
  <si>
    <t>交付金</t>
    <rPh sb="0" eb="3">
      <t>コウフキン</t>
    </rPh>
    <phoneticPr fontId="2"/>
  </si>
  <si>
    <t>物価高騰対応</t>
    <rPh sb="0" eb="2">
      <t>ブッカ</t>
    </rPh>
    <rPh sb="2" eb="4">
      <t>コウトウ</t>
    </rPh>
    <rPh sb="4" eb="6">
      <t>タイオウ</t>
    </rPh>
    <phoneticPr fontId="2"/>
  </si>
  <si>
    <t>重点支援地方創生</t>
    <rPh sb="0" eb="2">
      <t>ジュウテン</t>
    </rPh>
    <rPh sb="2" eb="4">
      <t>シエン</t>
    </rPh>
    <rPh sb="4" eb="6">
      <t>チホウ</t>
    </rPh>
    <rPh sb="6" eb="8">
      <t>ソウセイ</t>
    </rPh>
    <phoneticPr fontId="2"/>
  </si>
  <si>
    <t>臨時交付金</t>
    <rPh sb="0" eb="2">
      <t>リンジ</t>
    </rPh>
    <rPh sb="2" eb="5">
      <t>コウフキン</t>
    </rPh>
    <phoneticPr fontId="2"/>
  </si>
  <si>
    <t>左の内訳</t>
  </si>
  <si>
    <t>左の内訳</t>
    <rPh sb="0" eb="1">
      <t>ヒダリ</t>
    </rPh>
    <rPh sb="2" eb="4">
      <t>ウチワケ</t>
    </rPh>
    <phoneticPr fontId="2"/>
  </si>
  <si>
    <t>左の内訳</t>
    <phoneticPr fontId="2"/>
  </si>
  <si>
    <t>係る寄附金</t>
    <rPh sb="0" eb="1">
      <t>カカ</t>
    </rPh>
    <rPh sb="2" eb="5">
      <t>キフキン</t>
    </rPh>
    <phoneticPr fontId="2"/>
  </si>
  <si>
    <t>新しい</t>
    <rPh sb="0" eb="1">
      <t>アタラ</t>
    </rPh>
    <phoneticPr fontId="2"/>
  </si>
  <si>
    <t>地方経済・</t>
    <rPh sb="0" eb="2">
      <t>チホウ</t>
    </rPh>
    <rPh sb="2" eb="4">
      <t>ケイザイ</t>
    </rPh>
    <phoneticPr fontId="2"/>
  </si>
  <si>
    <t>生活環境</t>
    <rPh sb="0" eb="2">
      <t>セイカツ</t>
    </rPh>
    <rPh sb="2" eb="4">
      <t>カンキョウ</t>
    </rPh>
    <phoneticPr fontId="2"/>
  </si>
  <si>
    <t>創生交付金</t>
    <rPh sb="0" eb="2">
      <t>ソウセイ</t>
    </rPh>
    <rPh sb="2" eb="5">
      <t>コウフキ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;&quot;▲ &quot;#,##0"/>
  </numFmts>
  <fonts count="4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36">
    <xf numFmtId="0" fontId="0" fillId="0" borderId="0" xfId="0">
      <alignment vertical="center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5" xfId="0" applyNumberFormat="1" applyFont="1" applyBorder="1" applyAlignment="1">
      <alignment horizontal="center" vertical="center" shrinkToFit="1"/>
    </xf>
    <xf numFmtId="0" fontId="3" fillId="0" borderId="6" xfId="0" applyNumberFormat="1" applyFont="1" applyBorder="1" applyAlignment="1">
      <alignment horizontal="center" vertical="center" shrinkToFit="1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3" fillId="0" borderId="0" xfId="0" applyNumberFormat="1" applyFont="1" applyAlignment="1">
      <alignment vertical="center" shrinkToFit="1"/>
    </xf>
    <xf numFmtId="0" fontId="3" fillId="0" borderId="1" xfId="0" applyNumberFormat="1" applyFont="1" applyBorder="1" applyAlignment="1">
      <alignment vertical="center" shrinkToFit="1"/>
    </xf>
    <xf numFmtId="0" fontId="3" fillId="0" borderId="0" xfId="0" applyNumberFormat="1" applyFont="1" applyAlignment="1">
      <alignment horizontal="center" vertical="center" shrinkToFit="1"/>
    </xf>
    <xf numFmtId="176" fontId="3" fillId="0" borderId="0" xfId="0" applyNumberFormat="1" applyFont="1" applyBorder="1" applyAlignment="1">
      <alignment vertical="center" shrinkToFit="1"/>
    </xf>
    <xf numFmtId="176" fontId="3" fillId="0" borderId="7" xfId="0" applyNumberFormat="1" applyFont="1" applyBorder="1" applyAlignment="1">
      <alignment vertical="center" shrinkToFit="1"/>
    </xf>
    <xf numFmtId="176" fontId="3" fillId="0" borderId="8" xfId="0" applyNumberFormat="1" applyFont="1" applyBorder="1" applyAlignment="1">
      <alignment vertical="center" shrinkToFit="1"/>
    </xf>
    <xf numFmtId="176" fontId="3" fillId="0" borderId="9" xfId="0" applyNumberFormat="1" applyFont="1" applyBorder="1" applyAlignment="1">
      <alignment vertical="center" shrinkToFit="1"/>
    </xf>
    <xf numFmtId="176" fontId="3" fillId="2" borderId="2" xfId="0" applyNumberFormat="1" applyFont="1" applyFill="1" applyBorder="1" applyAlignment="1">
      <alignment vertical="center" shrinkToFit="1"/>
    </xf>
    <xf numFmtId="0" fontId="3" fillId="0" borderId="10" xfId="0" applyFont="1" applyBorder="1" applyAlignment="1">
      <alignment horizontal="center" vertical="center"/>
    </xf>
    <xf numFmtId="176" fontId="3" fillId="0" borderId="10" xfId="0" applyNumberFormat="1" applyFont="1" applyBorder="1" applyAlignment="1">
      <alignment vertical="center" shrinkToFit="1"/>
    </xf>
    <xf numFmtId="0" fontId="3" fillId="0" borderId="12" xfId="0" applyNumberFormat="1" applyFont="1" applyBorder="1" applyAlignment="1">
      <alignment horizontal="center" vertical="center" shrinkToFit="1"/>
    </xf>
    <xf numFmtId="0" fontId="3" fillId="0" borderId="13" xfId="0" applyNumberFormat="1" applyFont="1" applyBorder="1" applyAlignment="1">
      <alignment horizontal="center" vertical="center" shrinkToFit="1"/>
    </xf>
    <xf numFmtId="0" fontId="3" fillId="0" borderId="14" xfId="0" applyNumberFormat="1" applyFont="1" applyBorder="1" applyAlignment="1">
      <alignment horizontal="center" vertical="center" shrinkToFit="1"/>
    </xf>
    <xf numFmtId="176" fontId="3" fillId="0" borderId="15" xfId="0" applyNumberFormat="1" applyFont="1" applyBorder="1" applyAlignment="1">
      <alignment vertical="center" shrinkToFit="1"/>
    </xf>
    <xf numFmtId="176" fontId="3" fillId="0" borderId="16" xfId="0" applyNumberFormat="1" applyFont="1" applyBorder="1" applyAlignment="1">
      <alignment vertical="center" shrinkToFit="1"/>
    </xf>
    <xf numFmtId="176" fontId="3" fillId="0" borderId="17" xfId="0" applyNumberFormat="1" applyFont="1" applyBorder="1" applyAlignment="1">
      <alignment vertical="center" shrinkToFit="1"/>
    </xf>
    <xf numFmtId="176" fontId="3" fillId="0" borderId="18" xfId="0" applyNumberFormat="1" applyFont="1" applyBorder="1" applyAlignment="1">
      <alignment vertical="center" shrinkToFit="1"/>
    </xf>
    <xf numFmtId="0" fontId="3" fillId="0" borderId="4" xfId="0" applyNumberFormat="1" applyFont="1" applyBorder="1" applyAlignment="1">
      <alignment horizontal="centerContinuous" vertical="center" shrinkToFit="1"/>
    </xf>
    <xf numFmtId="0" fontId="3" fillId="0" borderId="2" xfId="0" applyNumberFormat="1" applyFont="1" applyFill="1" applyBorder="1" applyAlignment="1">
      <alignment horizontal="centerContinuous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" vertical="center" shrinkToFit="1"/>
    </xf>
    <xf numFmtId="0" fontId="3" fillId="0" borderId="11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3" fillId="0" borderId="19" xfId="0" applyNumberFormat="1" applyFont="1" applyBorder="1" applyAlignment="1">
      <alignment horizontal="center" vertical="center" shrinkToFit="1"/>
    </xf>
    <xf numFmtId="0" fontId="3" fillId="0" borderId="12" xfId="0" applyNumberFormat="1" applyFont="1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DK39"/>
  <sheetViews>
    <sheetView tabSelected="1" view="pageBreakPreview" zoomScaleNormal="100" zoomScaleSheetLayoutView="100" workbookViewId="0"/>
  </sheetViews>
  <sheetFormatPr defaultColWidth="9.19921875" defaultRowHeight="10.8"/>
  <cols>
    <col min="1" max="1" width="14.09765625" style="9" customWidth="1"/>
    <col min="2" max="16384" width="9.19921875" style="10"/>
  </cols>
  <sheetData>
    <row r="1" spans="1:115" s="12" customFormat="1" ht="17.25" customHeight="1">
      <c r="A1" s="1"/>
      <c r="B1" s="1"/>
      <c r="C1" s="1"/>
      <c r="D1" s="2" t="s">
        <v>0</v>
      </c>
      <c r="E1" s="2"/>
      <c r="F1" s="2"/>
      <c r="G1" s="2"/>
      <c r="H1" s="2"/>
      <c r="I1" s="27" t="s">
        <v>0</v>
      </c>
      <c r="J1" s="1"/>
      <c r="K1" s="1"/>
      <c r="L1" s="1"/>
      <c r="M1" s="1"/>
      <c r="N1" s="1"/>
      <c r="O1" s="1"/>
      <c r="P1" s="1"/>
      <c r="Q1" s="1"/>
      <c r="R1" s="1"/>
      <c r="S1" s="1"/>
      <c r="T1" s="20"/>
      <c r="U1" s="1"/>
      <c r="V1" s="30" t="s">
        <v>147</v>
      </c>
      <c r="W1" s="31" t="s">
        <v>147</v>
      </c>
      <c r="X1" s="32"/>
      <c r="Y1" s="1"/>
      <c r="Z1" s="1"/>
      <c r="AA1" s="2" t="s">
        <v>1</v>
      </c>
      <c r="AB1" s="2"/>
      <c r="AC1" s="1"/>
      <c r="AD1" s="33" t="s">
        <v>1</v>
      </c>
      <c r="AE1" s="31"/>
      <c r="AF1" s="31"/>
      <c r="AG1" s="31"/>
      <c r="AH1" s="31"/>
      <c r="AI1" s="31"/>
      <c r="AJ1" s="32"/>
      <c r="AK1" s="1"/>
      <c r="AL1" s="33" t="s">
        <v>1</v>
      </c>
      <c r="AM1" s="32"/>
      <c r="AN1" s="1"/>
      <c r="AO1" s="33" t="s">
        <v>1</v>
      </c>
      <c r="AP1" s="31"/>
      <c r="AQ1" s="32"/>
      <c r="AR1" s="33" t="s">
        <v>147</v>
      </c>
      <c r="AS1" s="31"/>
      <c r="AT1" s="31"/>
      <c r="AU1" s="31"/>
      <c r="AV1" s="31"/>
      <c r="AW1" s="31"/>
      <c r="AX1" s="32"/>
      <c r="AY1" s="31" t="s">
        <v>220</v>
      </c>
      <c r="AZ1" s="31"/>
      <c r="BA1" s="31"/>
      <c r="BB1" s="31"/>
      <c r="BC1" s="31"/>
      <c r="BD1" s="31"/>
      <c r="BE1" s="32"/>
      <c r="BF1" s="33" t="s">
        <v>147</v>
      </c>
      <c r="BG1" s="31"/>
      <c r="BH1" s="31"/>
      <c r="BI1" s="31"/>
      <c r="BJ1" s="31"/>
      <c r="BK1" s="31"/>
      <c r="BL1" s="32"/>
      <c r="BM1" s="30" t="s">
        <v>221</v>
      </c>
      <c r="BN1" s="11"/>
      <c r="BO1" s="1"/>
      <c r="BP1" s="33" t="s">
        <v>1</v>
      </c>
      <c r="BQ1" s="31"/>
      <c r="BR1" s="31"/>
      <c r="BS1" s="32"/>
      <c r="BT1" s="33" t="s">
        <v>221</v>
      </c>
      <c r="BU1" s="31"/>
      <c r="BV1" s="31"/>
      <c r="BW1" s="31"/>
      <c r="BX1" s="31"/>
      <c r="BY1" s="31"/>
      <c r="BZ1" s="32"/>
      <c r="CA1" s="33" t="s">
        <v>147</v>
      </c>
      <c r="CB1" s="31"/>
      <c r="CC1" s="31"/>
      <c r="CD1" s="31"/>
      <c r="CE1" s="31"/>
      <c r="CF1" s="31"/>
      <c r="CG1" s="32"/>
      <c r="CH1" s="29" t="s">
        <v>221</v>
      </c>
      <c r="CI1" s="1"/>
      <c r="CJ1" s="33" t="s">
        <v>1</v>
      </c>
      <c r="CK1" s="31"/>
      <c r="CL1" s="31"/>
      <c r="CM1" s="31"/>
      <c r="CN1" s="32"/>
      <c r="CO1" s="1"/>
      <c r="CP1" s="33" t="s">
        <v>148</v>
      </c>
      <c r="CQ1" s="31"/>
      <c r="CR1" s="32"/>
      <c r="CS1" s="1"/>
      <c r="CT1" s="1"/>
      <c r="CU1" s="2" t="s">
        <v>1</v>
      </c>
      <c r="CV1" s="28" t="s">
        <v>1</v>
      </c>
      <c r="CW1" s="1"/>
      <c r="CX1" s="33" t="s">
        <v>1</v>
      </c>
      <c r="CY1" s="31"/>
      <c r="CZ1" s="31"/>
      <c r="DA1" s="31"/>
      <c r="DB1" s="32"/>
      <c r="DC1" s="31" t="s">
        <v>220</v>
      </c>
      <c r="DD1" s="31"/>
      <c r="DE1" s="31"/>
      <c r="DF1" s="31"/>
      <c r="DG1" s="31"/>
      <c r="DH1" s="31"/>
      <c r="DI1" s="32"/>
      <c r="DJ1" s="1"/>
      <c r="DK1" s="1"/>
    </row>
    <row r="2" spans="1:115" s="12" customFormat="1" ht="17.25" customHeight="1">
      <c r="A2" s="3"/>
      <c r="B2" s="3"/>
      <c r="C2" s="3"/>
      <c r="D2" s="3"/>
      <c r="E2" s="3"/>
      <c r="F2" s="3"/>
      <c r="G2" s="3"/>
      <c r="H2" s="3"/>
      <c r="I2" s="3"/>
      <c r="J2" s="3" t="s">
        <v>2</v>
      </c>
      <c r="K2" s="3" t="s">
        <v>3</v>
      </c>
      <c r="L2" s="3" t="s">
        <v>4</v>
      </c>
      <c r="M2" s="3" t="s">
        <v>145</v>
      </c>
      <c r="N2" s="3" t="s">
        <v>5</v>
      </c>
      <c r="O2" s="3" t="s">
        <v>6</v>
      </c>
      <c r="P2" s="3" t="s">
        <v>98</v>
      </c>
      <c r="Q2" s="3" t="s">
        <v>99</v>
      </c>
      <c r="R2" s="3" t="s">
        <v>156</v>
      </c>
      <c r="S2" s="3" t="s">
        <v>161</v>
      </c>
      <c r="T2" s="21" t="s">
        <v>7</v>
      </c>
      <c r="U2" s="3"/>
      <c r="V2" s="1"/>
      <c r="W2" s="20"/>
      <c r="X2" s="1"/>
      <c r="Y2" s="3" t="s">
        <v>8</v>
      </c>
      <c r="Z2" s="3" t="s">
        <v>9</v>
      </c>
      <c r="AA2" s="3"/>
      <c r="AB2" s="3"/>
      <c r="AC2" s="3"/>
      <c r="AD2" s="3"/>
      <c r="AE2" s="33" t="s">
        <v>1</v>
      </c>
      <c r="AF2" s="31"/>
      <c r="AG2" s="32"/>
      <c r="AH2" s="1"/>
      <c r="AI2" s="1"/>
      <c r="AJ2" s="1"/>
      <c r="AK2" s="3"/>
      <c r="AL2" s="3" t="s">
        <v>10</v>
      </c>
      <c r="AM2" s="1"/>
      <c r="AN2" s="3"/>
      <c r="AO2" s="3"/>
      <c r="AP2" s="3"/>
      <c r="AQ2" s="3"/>
      <c r="AR2" s="3" t="s">
        <v>11</v>
      </c>
      <c r="AS2" s="3"/>
      <c r="AT2" s="3" t="s">
        <v>100</v>
      </c>
      <c r="AU2" s="3" t="s">
        <v>101</v>
      </c>
      <c r="AV2" s="3" t="s">
        <v>102</v>
      </c>
      <c r="AW2" s="3" t="s">
        <v>103</v>
      </c>
      <c r="AX2" s="1"/>
      <c r="AY2" s="33" t="s">
        <v>1</v>
      </c>
      <c r="AZ2" s="31"/>
      <c r="BA2" s="32"/>
      <c r="BB2" s="3"/>
      <c r="BC2" s="1"/>
      <c r="BD2" s="3" t="s">
        <v>12</v>
      </c>
      <c r="BE2" s="1" t="s">
        <v>13</v>
      </c>
      <c r="BF2" s="1" t="s">
        <v>214</v>
      </c>
      <c r="BG2" s="3" t="s">
        <v>224</v>
      </c>
      <c r="BH2" s="3" t="s">
        <v>164</v>
      </c>
      <c r="BI2" s="34" t="s">
        <v>213</v>
      </c>
      <c r="BJ2" s="35"/>
      <c r="BK2" s="21" t="s">
        <v>217</v>
      </c>
      <c r="BL2" s="3" t="s">
        <v>168</v>
      </c>
      <c r="BM2" s="3"/>
      <c r="BN2" s="3" t="s">
        <v>104</v>
      </c>
      <c r="BO2" s="3" t="s">
        <v>14</v>
      </c>
      <c r="BP2" s="3"/>
      <c r="BQ2" s="33" t="s">
        <v>1</v>
      </c>
      <c r="BR2" s="31"/>
      <c r="BS2" s="32"/>
      <c r="BT2" s="33" t="s">
        <v>220</v>
      </c>
      <c r="BU2" s="31"/>
      <c r="BV2" s="31"/>
      <c r="BW2" s="31"/>
      <c r="BX2" s="31"/>
      <c r="BY2" s="31"/>
      <c r="BZ2" s="32"/>
      <c r="CA2" s="33" t="s">
        <v>222</v>
      </c>
      <c r="CB2" s="31"/>
      <c r="CC2" s="32"/>
      <c r="CD2" s="1"/>
      <c r="CE2" s="33" t="s">
        <v>1</v>
      </c>
      <c r="CF2" s="31"/>
      <c r="CG2" s="32"/>
      <c r="CH2" s="29" t="s">
        <v>221</v>
      </c>
      <c r="CI2" s="3"/>
      <c r="CJ2" s="1"/>
      <c r="CK2" s="3"/>
      <c r="CL2" s="2" t="s">
        <v>1</v>
      </c>
      <c r="CM2" s="2"/>
      <c r="CN2" s="2"/>
      <c r="CO2" s="3"/>
      <c r="CP2" s="3"/>
      <c r="CQ2" s="3" t="s">
        <v>151</v>
      </c>
      <c r="CR2" s="3"/>
      <c r="CS2" s="3"/>
      <c r="CT2" s="3"/>
      <c r="CU2" s="1"/>
      <c r="CV2" s="3" t="s">
        <v>15</v>
      </c>
      <c r="CW2" s="3"/>
      <c r="CX2" s="3" t="s">
        <v>16</v>
      </c>
      <c r="CY2" s="3"/>
      <c r="CZ2" s="3" t="s">
        <v>17</v>
      </c>
      <c r="DA2" s="3"/>
      <c r="DB2" s="3"/>
      <c r="DC2" s="33" t="s">
        <v>1</v>
      </c>
      <c r="DD2" s="32"/>
      <c r="DE2" s="3"/>
      <c r="DF2" s="3"/>
      <c r="DG2" s="33" t="s">
        <v>1</v>
      </c>
      <c r="DH2" s="31"/>
      <c r="DI2" s="32"/>
      <c r="DJ2" s="3"/>
      <c r="DK2" s="3"/>
    </row>
    <row r="3" spans="1:115" s="12" customFormat="1" ht="17.25" customHeight="1">
      <c r="A3" s="3"/>
      <c r="B3" s="3" t="s">
        <v>18</v>
      </c>
      <c r="C3" s="3" t="s">
        <v>19</v>
      </c>
      <c r="D3" s="3" t="s">
        <v>20</v>
      </c>
      <c r="E3" s="3" t="s">
        <v>21</v>
      </c>
      <c r="F3" s="3" t="s">
        <v>22</v>
      </c>
      <c r="G3" s="3" t="s">
        <v>23</v>
      </c>
      <c r="H3" s="3" t="s">
        <v>24</v>
      </c>
      <c r="I3" s="3" t="s">
        <v>154</v>
      </c>
      <c r="J3" s="3" t="s">
        <v>25</v>
      </c>
      <c r="K3" s="3" t="s">
        <v>26</v>
      </c>
      <c r="L3" s="3" t="s">
        <v>27</v>
      </c>
      <c r="M3" s="3" t="s">
        <v>146</v>
      </c>
      <c r="N3" s="3" t="s">
        <v>28</v>
      </c>
      <c r="O3" s="3" t="s">
        <v>29</v>
      </c>
      <c r="P3" s="3" t="s">
        <v>105</v>
      </c>
      <c r="Q3" s="3" t="s">
        <v>106</v>
      </c>
      <c r="R3" s="3" t="s">
        <v>157</v>
      </c>
      <c r="S3" s="3" t="s">
        <v>162</v>
      </c>
      <c r="T3" s="21" t="s">
        <v>192</v>
      </c>
      <c r="U3" s="3" t="s">
        <v>30</v>
      </c>
      <c r="V3" s="3" t="s">
        <v>31</v>
      </c>
      <c r="W3" s="21" t="s">
        <v>32</v>
      </c>
      <c r="X3" s="3" t="s">
        <v>33</v>
      </c>
      <c r="Y3" s="3" t="s">
        <v>107</v>
      </c>
      <c r="Z3" s="3" t="s">
        <v>108</v>
      </c>
      <c r="AA3" s="3" t="s">
        <v>34</v>
      </c>
      <c r="AB3" s="3" t="s">
        <v>35</v>
      </c>
      <c r="AC3" s="3" t="s">
        <v>36</v>
      </c>
      <c r="AD3" s="3" t="s">
        <v>37</v>
      </c>
      <c r="AE3" s="1"/>
      <c r="AF3" s="1"/>
      <c r="AG3" s="3"/>
      <c r="AH3" s="3" t="s">
        <v>38</v>
      </c>
      <c r="AI3" s="3" t="s">
        <v>39</v>
      </c>
      <c r="AJ3" s="3" t="s">
        <v>35</v>
      </c>
      <c r="AK3" s="3" t="s">
        <v>40</v>
      </c>
      <c r="AL3" s="3" t="s">
        <v>109</v>
      </c>
      <c r="AM3" s="3" t="s">
        <v>110</v>
      </c>
      <c r="AN3" s="3" t="s">
        <v>41</v>
      </c>
      <c r="AO3" s="3" t="s">
        <v>160</v>
      </c>
      <c r="AP3" s="3" t="s">
        <v>42</v>
      </c>
      <c r="AQ3" s="3" t="s">
        <v>43</v>
      </c>
      <c r="AR3" s="3" t="s">
        <v>111</v>
      </c>
      <c r="AS3" s="3" t="s">
        <v>142</v>
      </c>
      <c r="AT3" s="3" t="s">
        <v>112</v>
      </c>
      <c r="AU3" s="3" t="s">
        <v>113</v>
      </c>
      <c r="AV3" s="3" t="s">
        <v>113</v>
      </c>
      <c r="AW3" s="3" t="s">
        <v>113</v>
      </c>
      <c r="AX3" s="3" t="s">
        <v>44</v>
      </c>
      <c r="AY3" s="1" t="s">
        <v>45</v>
      </c>
      <c r="AZ3" s="3" t="s">
        <v>46</v>
      </c>
      <c r="BA3" s="3"/>
      <c r="BB3" s="3" t="s">
        <v>114</v>
      </c>
      <c r="BC3" s="3" t="s">
        <v>47</v>
      </c>
      <c r="BD3" s="3" t="s">
        <v>115</v>
      </c>
      <c r="BE3" s="3" t="s">
        <v>48</v>
      </c>
      <c r="BF3" s="3" t="s">
        <v>215</v>
      </c>
      <c r="BG3" s="3" t="s">
        <v>225</v>
      </c>
      <c r="BH3" s="3" t="s">
        <v>165</v>
      </c>
      <c r="BI3" s="1" t="s">
        <v>210</v>
      </c>
      <c r="BJ3" s="1" t="s">
        <v>212</v>
      </c>
      <c r="BK3" s="3" t="s">
        <v>218</v>
      </c>
      <c r="BL3" s="3" t="s">
        <v>169</v>
      </c>
      <c r="BM3" s="3" t="s">
        <v>35</v>
      </c>
      <c r="BN3" s="3" t="s">
        <v>49</v>
      </c>
      <c r="BO3" s="3" t="s">
        <v>50</v>
      </c>
      <c r="BP3" s="3" t="s">
        <v>116</v>
      </c>
      <c r="BQ3" s="3" t="s">
        <v>117</v>
      </c>
      <c r="BR3" s="1" t="s">
        <v>118</v>
      </c>
      <c r="BS3" s="3" t="s">
        <v>143</v>
      </c>
      <c r="BT3" s="1" t="s">
        <v>119</v>
      </c>
      <c r="BU3" s="3" t="s">
        <v>120</v>
      </c>
      <c r="BV3" s="1"/>
      <c r="BW3" s="33" t="s">
        <v>1</v>
      </c>
      <c r="BX3" s="31"/>
      <c r="BY3" s="32"/>
      <c r="BZ3" s="1" t="s">
        <v>51</v>
      </c>
      <c r="CA3" s="3" t="s">
        <v>52</v>
      </c>
      <c r="CB3" s="3" t="s">
        <v>172</v>
      </c>
      <c r="CC3" s="1"/>
      <c r="CD3" s="3" t="s">
        <v>53</v>
      </c>
      <c r="CE3" s="3" t="s">
        <v>119</v>
      </c>
      <c r="CF3" s="1" t="s">
        <v>120</v>
      </c>
      <c r="CG3" s="3" t="s">
        <v>172</v>
      </c>
      <c r="CH3" s="3"/>
      <c r="CI3" s="3" t="s">
        <v>54</v>
      </c>
      <c r="CJ3" s="3" t="s">
        <v>55</v>
      </c>
      <c r="CK3" s="3" t="s">
        <v>56</v>
      </c>
      <c r="CL3" s="1"/>
      <c r="CM3" s="3"/>
      <c r="CN3" s="1"/>
      <c r="CO3" s="3" t="s">
        <v>57</v>
      </c>
      <c r="CP3" s="3" t="s">
        <v>149</v>
      </c>
      <c r="CQ3" s="3" t="s">
        <v>152</v>
      </c>
      <c r="CR3" s="3" t="s">
        <v>153</v>
      </c>
      <c r="CS3" s="3" t="s">
        <v>58</v>
      </c>
      <c r="CT3" s="3" t="s">
        <v>59</v>
      </c>
      <c r="CU3" s="3" t="s">
        <v>60</v>
      </c>
      <c r="CV3" s="3" t="s">
        <v>61</v>
      </c>
      <c r="CW3" s="3" t="s">
        <v>62</v>
      </c>
      <c r="CX3" s="3" t="s">
        <v>63</v>
      </c>
      <c r="CY3" s="3" t="s">
        <v>64</v>
      </c>
      <c r="CZ3" s="3" t="s">
        <v>65</v>
      </c>
      <c r="DA3" s="3" t="s">
        <v>65</v>
      </c>
      <c r="DB3" s="3" t="s">
        <v>66</v>
      </c>
      <c r="DC3" s="3" t="s">
        <v>34</v>
      </c>
      <c r="DD3" s="1" t="s">
        <v>67</v>
      </c>
      <c r="DE3" s="3" t="s">
        <v>68</v>
      </c>
      <c r="DF3" s="3" t="s">
        <v>69</v>
      </c>
      <c r="DG3" s="1" t="s">
        <v>70</v>
      </c>
      <c r="DH3" s="1" t="s">
        <v>121</v>
      </c>
      <c r="DI3" s="1"/>
      <c r="DJ3" s="3" t="s">
        <v>71</v>
      </c>
      <c r="DK3" s="3" t="s">
        <v>72</v>
      </c>
    </row>
    <row r="4" spans="1:115" s="12" customFormat="1" ht="17.25" customHeight="1">
      <c r="A4" s="3"/>
      <c r="B4" s="3"/>
      <c r="C4" s="3"/>
      <c r="D4" s="3" t="s">
        <v>73</v>
      </c>
      <c r="E4" s="3" t="s">
        <v>74</v>
      </c>
      <c r="F4" s="3" t="s">
        <v>74</v>
      </c>
      <c r="G4" s="3" t="s">
        <v>74</v>
      </c>
      <c r="H4" s="3" t="s">
        <v>122</v>
      </c>
      <c r="I4" s="3" t="s">
        <v>155</v>
      </c>
      <c r="J4" s="3"/>
      <c r="K4" s="3"/>
      <c r="L4" s="3" t="s">
        <v>25</v>
      </c>
      <c r="M4" s="3" t="s">
        <v>144</v>
      </c>
      <c r="N4" s="3" t="s">
        <v>25</v>
      </c>
      <c r="O4" s="3" t="s">
        <v>25</v>
      </c>
      <c r="P4" s="3" t="s">
        <v>123</v>
      </c>
      <c r="Q4" s="3" t="s">
        <v>123</v>
      </c>
      <c r="R4" s="3" t="s">
        <v>158</v>
      </c>
      <c r="S4" s="3" t="s">
        <v>163</v>
      </c>
      <c r="U4" s="3"/>
      <c r="V4" s="3"/>
      <c r="W4" s="21"/>
      <c r="X4" s="3" t="s">
        <v>32</v>
      </c>
      <c r="Y4" s="3"/>
      <c r="Z4" s="3"/>
      <c r="AA4" s="3" t="s">
        <v>75</v>
      </c>
      <c r="AB4" s="3"/>
      <c r="AC4" s="3"/>
      <c r="AD4" s="3"/>
      <c r="AE4" s="3" t="s">
        <v>76</v>
      </c>
      <c r="AF4" s="3" t="s">
        <v>77</v>
      </c>
      <c r="AG4" s="3" t="s">
        <v>35</v>
      </c>
      <c r="AH4" s="3" t="s">
        <v>36</v>
      </c>
      <c r="AI4" s="3" t="s">
        <v>36</v>
      </c>
      <c r="AJ4" s="3"/>
      <c r="AK4" s="3"/>
      <c r="AL4" s="3" t="s">
        <v>124</v>
      </c>
      <c r="AM4" s="3" t="s">
        <v>124</v>
      </c>
      <c r="AN4" s="3"/>
      <c r="AO4" s="3" t="s">
        <v>159</v>
      </c>
      <c r="AP4" s="3" t="s">
        <v>125</v>
      </c>
      <c r="AQ4" s="3" t="s">
        <v>125</v>
      </c>
      <c r="AR4" s="3" t="s">
        <v>126</v>
      </c>
      <c r="AS4" s="3" t="s">
        <v>25</v>
      </c>
      <c r="AT4" s="3" t="s">
        <v>127</v>
      </c>
      <c r="AU4" s="3" t="s">
        <v>128</v>
      </c>
      <c r="AV4" s="3" t="s">
        <v>128</v>
      </c>
      <c r="AW4" s="3" t="s">
        <v>128</v>
      </c>
      <c r="AX4" s="3"/>
      <c r="AY4" s="3" t="s">
        <v>78</v>
      </c>
      <c r="AZ4" s="3" t="s">
        <v>78</v>
      </c>
      <c r="BA4" s="3" t="s">
        <v>35</v>
      </c>
      <c r="BB4" s="3"/>
      <c r="BC4" s="3" t="s">
        <v>79</v>
      </c>
      <c r="BD4" s="3" t="s">
        <v>129</v>
      </c>
      <c r="BE4" s="3" t="s">
        <v>130</v>
      </c>
      <c r="BF4" s="3" t="s">
        <v>216</v>
      </c>
      <c r="BG4" s="3" t="s">
        <v>226</v>
      </c>
      <c r="BH4" s="3" t="s">
        <v>166</v>
      </c>
      <c r="BI4" s="3" t="s">
        <v>211</v>
      </c>
      <c r="BJ4" s="3"/>
      <c r="BK4" s="3" t="s">
        <v>219</v>
      </c>
      <c r="BL4" s="3" t="s">
        <v>170</v>
      </c>
      <c r="BM4" s="3"/>
      <c r="BN4" s="3" t="s">
        <v>80</v>
      </c>
      <c r="BO4" s="3"/>
      <c r="BP4" s="3" t="s">
        <v>81</v>
      </c>
      <c r="BQ4" s="3" t="s">
        <v>82</v>
      </c>
      <c r="BR4" s="3" t="s">
        <v>83</v>
      </c>
      <c r="BS4" s="3" t="s">
        <v>144</v>
      </c>
      <c r="BT4" s="3" t="s">
        <v>131</v>
      </c>
      <c r="BU4" s="3" t="s">
        <v>131</v>
      </c>
      <c r="BV4" s="3" t="s">
        <v>44</v>
      </c>
      <c r="BW4" s="3" t="s">
        <v>132</v>
      </c>
      <c r="BX4" s="3" t="s">
        <v>133</v>
      </c>
      <c r="BY4" s="3" t="s">
        <v>134</v>
      </c>
      <c r="BZ4" s="3" t="s">
        <v>84</v>
      </c>
      <c r="CA4" s="3" t="s">
        <v>135</v>
      </c>
      <c r="CB4" s="3" t="s">
        <v>173</v>
      </c>
      <c r="CC4" s="3" t="s">
        <v>35</v>
      </c>
      <c r="CD4" s="3" t="s">
        <v>136</v>
      </c>
      <c r="CE4" s="3" t="s">
        <v>131</v>
      </c>
      <c r="CF4" s="3" t="s">
        <v>85</v>
      </c>
      <c r="CG4" s="3" t="s">
        <v>173</v>
      </c>
      <c r="CH4" s="3" t="s">
        <v>35</v>
      </c>
      <c r="CI4" s="3"/>
      <c r="CJ4" s="3" t="s">
        <v>86</v>
      </c>
      <c r="CK4" s="3" t="s">
        <v>86</v>
      </c>
      <c r="CL4" s="3" t="s">
        <v>87</v>
      </c>
      <c r="CM4" s="3" t="s">
        <v>88</v>
      </c>
      <c r="CN4" s="3" t="s">
        <v>35</v>
      </c>
      <c r="CO4" s="3"/>
      <c r="CP4" s="3" t="s">
        <v>150</v>
      </c>
      <c r="CQ4" s="3" t="s">
        <v>223</v>
      </c>
      <c r="CR4" s="3"/>
      <c r="CS4" s="3"/>
      <c r="CT4" s="3"/>
      <c r="CU4" s="3"/>
      <c r="CV4" s="3" t="s">
        <v>89</v>
      </c>
      <c r="CW4" s="3"/>
      <c r="CX4" s="3" t="s">
        <v>90</v>
      </c>
      <c r="CY4" s="3"/>
      <c r="CZ4" s="3" t="s">
        <v>91</v>
      </c>
      <c r="DA4" s="3" t="s">
        <v>92</v>
      </c>
      <c r="DB4" s="3" t="s">
        <v>86</v>
      </c>
      <c r="DC4" s="3" t="s">
        <v>75</v>
      </c>
      <c r="DD4" s="3" t="s">
        <v>75</v>
      </c>
      <c r="DE4" s="3" t="s">
        <v>86</v>
      </c>
      <c r="DF4" s="3"/>
      <c r="DG4" s="3" t="s">
        <v>93</v>
      </c>
      <c r="DH4" s="3" t="s">
        <v>137</v>
      </c>
      <c r="DI4" s="3" t="s">
        <v>35</v>
      </c>
      <c r="DJ4" s="3"/>
      <c r="DK4" s="3"/>
    </row>
    <row r="5" spans="1:115" s="12" customFormat="1" ht="17.25" customHeight="1">
      <c r="A5" s="4"/>
      <c r="B5" s="4"/>
      <c r="C5" s="4"/>
      <c r="D5" s="4"/>
      <c r="E5" s="4"/>
      <c r="F5" s="4"/>
      <c r="G5" s="4"/>
      <c r="H5" s="4"/>
      <c r="I5" s="4"/>
      <c r="J5" s="4"/>
      <c r="K5" s="4"/>
      <c r="L5" s="4"/>
      <c r="M5" s="4"/>
      <c r="N5" s="4"/>
      <c r="O5" s="4"/>
      <c r="P5" s="4"/>
      <c r="Q5" s="4"/>
      <c r="R5" s="4"/>
      <c r="S5" s="4"/>
      <c r="U5" s="4"/>
      <c r="V5" s="4"/>
      <c r="W5" s="22"/>
      <c r="X5" s="4"/>
      <c r="Y5" s="4"/>
      <c r="Z5" s="4"/>
      <c r="AA5" s="4"/>
      <c r="AB5" s="4"/>
      <c r="AC5" s="4"/>
      <c r="AD5" s="4"/>
      <c r="AE5" s="4"/>
      <c r="AF5" s="4"/>
      <c r="AG5" s="4"/>
      <c r="AH5" s="4"/>
      <c r="AI5" s="4"/>
      <c r="AJ5" s="4"/>
      <c r="AK5" s="4"/>
      <c r="AL5" s="4"/>
      <c r="AM5" s="4"/>
      <c r="AN5" s="4"/>
      <c r="AO5" s="4"/>
      <c r="AP5" s="4"/>
      <c r="AQ5" s="4"/>
      <c r="AR5" s="4" t="s">
        <v>138</v>
      </c>
      <c r="AS5" s="4"/>
      <c r="AT5" s="4" t="s">
        <v>130</v>
      </c>
      <c r="AU5" s="4"/>
      <c r="AV5" s="4"/>
      <c r="AW5" s="4"/>
      <c r="AX5" s="4"/>
      <c r="AY5" s="4"/>
      <c r="AZ5" s="4"/>
      <c r="BA5" s="4"/>
      <c r="BB5" s="4"/>
      <c r="BC5" s="4"/>
      <c r="BD5" s="4"/>
      <c r="BE5" s="4"/>
      <c r="BF5" s="4"/>
      <c r="BG5" s="4" t="s">
        <v>227</v>
      </c>
      <c r="BH5" s="4" t="s">
        <v>167</v>
      </c>
      <c r="BI5" s="4"/>
      <c r="BJ5" s="4"/>
      <c r="BK5" s="4"/>
      <c r="BL5" s="4" t="s">
        <v>171</v>
      </c>
      <c r="BM5" s="4"/>
      <c r="BN5" s="4" t="s">
        <v>94</v>
      </c>
      <c r="BO5" s="4"/>
      <c r="BP5" s="4"/>
      <c r="BQ5" s="4" t="s">
        <v>95</v>
      </c>
      <c r="BR5" s="4" t="s">
        <v>96</v>
      </c>
      <c r="BS5" s="4"/>
      <c r="BT5" s="4" t="s">
        <v>97</v>
      </c>
      <c r="BU5" s="4" t="s">
        <v>97</v>
      </c>
      <c r="BV5" s="4"/>
      <c r="BW5" s="4" t="s">
        <v>139</v>
      </c>
      <c r="BX5" s="4" t="s">
        <v>139</v>
      </c>
      <c r="BY5" s="4"/>
      <c r="BZ5" s="4" t="s">
        <v>123</v>
      </c>
      <c r="CA5" s="4" t="s">
        <v>123</v>
      </c>
      <c r="CB5" s="4" t="s">
        <v>174</v>
      </c>
      <c r="CC5" s="4"/>
      <c r="CD5" s="4"/>
      <c r="CE5" s="4" t="s">
        <v>140</v>
      </c>
      <c r="CF5" s="4" t="s">
        <v>140</v>
      </c>
      <c r="CG5" s="4" t="s">
        <v>174</v>
      </c>
      <c r="CH5" s="4"/>
      <c r="CI5" s="4"/>
      <c r="CJ5" s="4"/>
      <c r="CK5" s="4"/>
      <c r="CL5" s="4"/>
      <c r="CM5" s="4"/>
      <c r="CN5" s="4"/>
      <c r="CO5" s="4"/>
      <c r="CP5" s="4"/>
      <c r="CQ5" s="4"/>
      <c r="CR5" s="4"/>
      <c r="CS5" s="4"/>
      <c r="CT5" s="4"/>
      <c r="CU5" s="4"/>
      <c r="CV5" s="4"/>
      <c r="CW5" s="4"/>
      <c r="CX5" s="4"/>
      <c r="CY5" s="4"/>
      <c r="CZ5" s="4"/>
      <c r="DA5" s="4"/>
      <c r="DB5" s="4"/>
      <c r="DC5" s="4"/>
      <c r="DD5" s="4"/>
      <c r="DE5" s="4"/>
      <c r="DF5" s="4"/>
      <c r="DG5" s="4"/>
      <c r="DH5" s="4" t="s">
        <v>141</v>
      </c>
      <c r="DI5" s="4"/>
      <c r="DJ5" s="4"/>
      <c r="DK5" s="4"/>
    </row>
    <row r="6" spans="1:115" ht="17.25" customHeight="1">
      <c r="A6" s="5" t="s">
        <v>193</v>
      </c>
      <c r="B6" s="14">
        <v>893707735</v>
      </c>
      <c r="C6" s="14">
        <v>8759353</v>
      </c>
      <c r="D6" s="14">
        <v>2722862</v>
      </c>
      <c r="E6" s="14">
        <v>926324</v>
      </c>
      <c r="F6" s="14">
        <v>20161</v>
      </c>
      <c r="G6" s="14">
        <v>4654865</v>
      </c>
      <c r="H6" s="14">
        <v>0</v>
      </c>
      <c r="I6" s="14">
        <v>435141</v>
      </c>
      <c r="J6" s="14">
        <v>359537</v>
      </c>
      <c r="K6" s="14">
        <v>8237653</v>
      </c>
      <c r="L6" s="14">
        <v>11837205</v>
      </c>
      <c r="M6" s="14">
        <v>1265166</v>
      </c>
      <c r="N6" s="14">
        <v>93028160</v>
      </c>
      <c r="O6" s="14">
        <v>151449</v>
      </c>
      <c r="P6" s="14">
        <v>0</v>
      </c>
      <c r="Q6" s="14">
        <v>12062270</v>
      </c>
      <c r="R6" s="14">
        <v>3086671</v>
      </c>
      <c r="S6" s="14">
        <v>10464656</v>
      </c>
      <c r="T6" s="14">
        <v>28134136</v>
      </c>
      <c r="U6" s="14">
        <v>48814285</v>
      </c>
      <c r="V6" s="14">
        <v>47121919</v>
      </c>
      <c r="W6" s="23">
        <v>1691635</v>
      </c>
      <c r="X6" s="14">
        <v>731</v>
      </c>
      <c r="Y6" s="14">
        <v>711078</v>
      </c>
      <c r="Z6" s="14">
        <v>27149287</v>
      </c>
      <c r="AA6" s="14">
        <v>75200</v>
      </c>
      <c r="AB6" s="14">
        <v>27074087</v>
      </c>
      <c r="AC6" s="14">
        <v>32473866</v>
      </c>
      <c r="AD6" s="14">
        <v>808950</v>
      </c>
      <c r="AE6" s="14">
        <v>808950</v>
      </c>
      <c r="AF6" s="14">
        <v>0</v>
      </c>
      <c r="AG6" s="14">
        <v>0</v>
      </c>
      <c r="AH6" s="14">
        <v>804467</v>
      </c>
      <c r="AI6" s="14">
        <v>9490781</v>
      </c>
      <c r="AJ6" s="14">
        <v>21369668</v>
      </c>
      <c r="AK6" s="14">
        <v>8959027</v>
      </c>
      <c r="AL6" s="14">
        <v>1317861</v>
      </c>
      <c r="AM6" s="14">
        <v>7641166</v>
      </c>
      <c r="AN6" s="14">
        <v>432709639</v>
      </c>
      <c r="AO6" s="14">
        <v>40506633</v>
      </c>
      <c r="AP6" s="14">
        <v>98899414</v>
      </c>
      <c r="AQ6" s="14">
        <v>63953262</v>
      </c>
      <c r="AR6" s="14">
        <v>45417059</v>
      </c>
      <c r="AS6" s="14">
        <v>39528777</v>
      </c>
      <c r="AT6" s="14">
        <v>0</v>
      </c>
      <c r="AU6" s="14">
        <v>25804523</v>
      </c>
      <c r="AV6" s="14">
        <v>0</v>
      </c>
      <c r="AW6" s="14">
        <v>0</v>
      </c>
      <c r="AX6" s="14">
        <v>5850052</v>
      </c>
      <c r="AY6" s="14">
        <v>0</v>
      </c>
      <c r="AZ6" s="14">
        <v>0</v>
      </c>
      <c r="BA6" s="14">
        <v>5850052</v>
      </c>
      <c r="BB6" s="14">
        <v>0</v>
      </c>
      <c r="BC6" s="14">
        <v>6331921</v>
      </c>
      <c r="BD6" s="14">
        <v>0</v>
      </c>
      <c r="BE6" s="14">
        <v>0</v>
      </c>
      <c r="BF6" s="14">
        <v>383347</v>
      </c>
      <c r="BG6" s="14">
        <v>0</v>
      </c>
      <c r="BH6" s="14">
        <v>0</v>
      </c>
      <c r="BI6" s="14">
        <v>0</v>
      </c>
      <c r="BJ6" s="14">
        <v>0</v>
      </c>
      <c r="BK6" s="14">
        <v>46181743</v>
      </c>
      <c r="BL6" s="14">
        <v>858531</v>
      </c>
      <c r="BM6" s="14">
        <v>58994377</v>
      </c>
      <c r="BN6" s="14">
        <v>479952</v>
      </c>
      <c r="BO6" s="14">
        <v>106756510</v>
      </c>
      <c r="BP6" s="14">
        <v>55477999</v>
      </c>
      <c r="BQ6" s="14">
        <v>26180362</v>
      </c>
      <c r="BR6" s="14">
        <v>20224972</v>
      </c>
      <c r="BS6" s="14">
        <v>6589709</v>
      </c>
      <c r="BT6" s="14">
        <v>36125</v>
      </c>
      <c r="BU6" s="14">
        <v>0</v>
      </c>
      <c r="BV6" s="14">
        <v>1357360</v>
      </c>
      <c r="BW6" s="14">
        <v>0</v>
      </c>
      <c r="BX6" s="14">
        <v>0</v>
      </c>
      <c r="BY6" s="14">
        <v>1357360</v>
      </c>
      <c r="BZ6" s="14">
        <v>0</v>
      </c>
      <c r="CA6" s="14">
        <v>115786</v>
      </c>
      <c r="CB6" s="14">
        <v>0</v>
      </c>
      <c r="CC6" s="14">
        <v>973685</v>
      </c>
      <c r="CD6" s="14">
        <v>51278511</v>
      </c>
      <c r="CE6" s="14">
        <v>2910324</v>
      </c>
      <c r="CF6" s="14">
        <v>0</v>
      </c>
      <c r="CG6" s="14">
        <v>0</v>
      </c>
      <c r="CH6" s="14">
        <v>48368187</v>
      </c>
      <c r="CI6" s="14">
        <v>37777336</v>
      </c>
      <c r="CJ6" s="14">
        <v>7128575</v>
      </c>
      <c r="CK6" s="14">
        <v>30648761</v>
      </c>
      <c r="CL6" s="14">
        <v>30171483</v>
      </c>
      <c r="CM6" s="14">
        <v>0</v>
      </c>
      <c r="CN6" s="14">
        <v>477278</v>
      </c>
      <c r="CO6" s="14">
        <v>7229987</v>
      </c>
      <c r="CP6" s="14">
        <v>2839506</v>
      </c>
      <c r="CQ6" s="14">
        <v>4104258</v>
      </c>
      <c r="CR6" s="14">
        <v>286223</v>
      </c>
      <c r="CS6" s="14">
        <v>43297472</v>
      </c>
      <c r="CT6" s="14">
        <v>23735550</v>
      </c>
      <c r="CU6" s="14">
        <v>8012574</v>
      </c>
      <c r="CV6" s="14">
        <v>15722976</v>
      </c>
      <c r="CW6" s="14">
        <v>105126110</v>
      </c>
      <c r="CX6" s="14">
        <v>252309</v>
      </c>
      <c r="CY6" s="14">
        <v>55277</v>
      </c>
      <c r="CZ6" s="14">
        <v>0</v>
      </c>
      <c r="DA6" s="14">
        <v>79345484</v>
      </c>
      <c r="DB6" s="14">
        <v>0</v>
      </c>
      <c r="DC6" s="14">
        <v>0</v>
      </c>
      <c r="DD6" s="14">
        <v>0</v>
      </c>
      <c r="DE6" s="14">
        <v>7677590</v>
      </c>
      <c r="DF6" s="14">
        <v>17795450</v>
      </c>
      <c r="DG6" s="14">
        <v>0</v>
      </c>
      <c r="DH6" s="14">
        <v>0</v>
      </c>
      <c r="DI6" s="14">
        <v>17795450</v>
      </c>
      <c r="DJ6" s="14">
        <v>109571020</v>
      </c>
      <c r="DK6" s="14">
        <v>2055885110</v>
      </c>
    </row>
    <row r="7" spans="1:115" s="13" customFormat="1" ht="17.25" customHeight="1">
      <c r="A7" s="6" t="s">
        <v>194</v>
      </c>
      <c r="B7" s="15">
        <v>390944061</v>
      </c>
      <c r="C7" s="15">
        <v>2902067</v>
      </c>
      <c r="D7" s="15">
        <v>696113</v>
      </c>
      <c r="E7" s="15">
        <v>384332</v>
      </c>
      <c r="F7" s="15">
        <v>7330</v>
      </c>
      <c r="G7" s="15">
        <v>1637644</v>
      </c>
      <c r="H7" s="15">
        <v>0</v>
      </c>
      <c r="I7" s="15">
        <v>176648</v>
      </c>
      <c r="J7" s="15">
        <v>156242</v>
      </c>
      <c r="K7" s="15">
        <v>3576217</v>
      </c>
      <c r="L7" s="15">
        <v>5133561</v>
      </c>
      <c r="M7" s="15">
        <v>462438</v>
      </c>
      <c r="N7" s="15">
        <v>36785429</v>
      </c>
      <c r="O7" s="15">
        <v>35104</v>
      </c>
      <c r="P7" s="15">
        <v>0</v>
      </c>
      <c r="Q7" s="15">
        <v>3842847</v>
      </c>
      <c r="R7" s="15">
        <v>1154964</v>
      </c>
      <c r="S7" s="15">
        <v>3736719</v>
      </c>
      <c r="T7" s="15">
        <v>11754610</v>
      </c>
      <c r="U7" s="15">
        <v>380625</v>
      </c>
      <c r="V7" s="15">
        <v>0</v>
      </c>
      <c r="W7" s="24">
        <v>380512</v>
      </c>
      <c r="X7" s="15">
        <v>113</v>
      </c>
      <c r="Y7" s="15">
        <v>262515</v>
      </c>
      <c r="Z7" s="15">
        <v>8026472</v>
      </c>
      <c r="AA7" s="15">
        <v>43656</v>
      </c>
      <c r="AB7" s="15">
        <v>7982816</v>
      </c>
      <c r="AC7" s="15">
        <v>12373044</v>
      </c>
      <c r="AD7" s="15">
        <v>586022</v>
      </c>
      <c r="AE7" s="15">
        <v>438097</v>
      </c>
      <c r="AF7" s="15">
        <v>0</v>
      </c>
      <c r="AG7" s="15">
        <v>147925</v>
      </c>
      <c r="AH7" s="15">
        <v>322133</v>
      </c>
      <c r="AI7" s="15">
        <v>4942672</v>
      </c>
      <c r="AJ7" s="15">
        <v>6522217</v>
      </c>
      <c r="AK7" s="15">
        <v>3354620</v>
      </c>
      <c r="AL7" s="15">
        <v>186566</v>
      </c>
      <c r="AM7" s="15">
        <v>3168054</v>
      </c>
      <c r="AN7" s="15">
        <v>172787310</v>
      </c>
      <c r="AO7" s="15">
        <v>15103585</v>
      </c>
      <c r="AP7" s="15">
        <v>41901512</v>
      </c>
      <c r="AQ7" s="15">
        <v>36172235</v>
      </c>
      <c r="AR7" s="15">
        <v>13528768</v>
      </c>
      <c r="AS7" s="15">
        <v>16449226</v>
      </c>
      <c r="AT7" s="15">
        <v>0</v>
      </c>
      <c r="AU7" s="15">
        <v>6562624</v>
      </c>
      <c r="AV7" s="15">
        <v>0</v>
      </c>
      <c r="AW7" s="15">
        <v>0</v>
      </c>
      <c r="AX7" s="15">
        <v>530727</v>
      </c>
      <c r="AY7" s="15">
        <v>0</v>
      </c>
      <c r="AZ7" s="15">
        <v>0</v>
      </c>
      <c r="BA7" s="15">
        <v>530727</v>
      </c>
      <c r="BB7" s="15">
        <v>0</v>
      </c>
      <c r="BC7" s="15">
        <v>6046670</v>
      </c>
      <c r="BD7" s="15">
        <v>0</v>
      </c>
      <c r="BE7" s="15">
        <v>0</v>
      </c>
      <c r="BF7" s="15">
        <v>135220</v>
      </c>
      <c r="BG7" s="15">
        <v>0</v>
      </c>
      <c r="BH7" s="15">
        <v>0</v>
      </c>
      <c r="BI7" s="15">
        <v>0</v>
      </c>
      <c r="BJ7" s="15">
        <v>0</v>
      </c>
      <c r="BK7" s="15">
        <v>15732946</v>
      </c>
      <c r="BL7" s="15">
        <v>161379</v>
      </c>
      <c r="BM7" s="15">
        <v>20462418</v>
      </c>
      <c r="BN7" s="15">
        <v>0</v>
      </c>
      <c r="BO7" s="15">
        <v>41659485</v>
      </c>
      <c r="BP7" s="15">
        <v>35415618</v>
      </c>
      <c r="BQ7" s="15">
        <v>13192872</v>
      </c>
      <c r="BR7" s="15">
        <v>7190784</v>
      </c>
      <c r="BS7" s="15">
        <v>2694991</v>
      </c>
      <c r="BT7" s="15">
        <v>1659253</v>
      </c>
      <c r="BU7" s="15">
        <v>0</v>
      </c>
      <c r="BV7" s="15">
        <v>514660</v>
      </c>
      <c r="BW7" s="15">
        <v>0</v>
      </c>
      <c r="BX7" s="15">
        <v>0</v>
      </c>
      <c r="BY7" s="15">
        <v>514660</v>
      </c>
      <c r="BZ7" s="15">
        <v>0</v>
      </c>
      <c r="CA7" s="15">
        <v>0</v>
      </c>
      <c r="CB7" s="15">
        <v>0</v>
      </c>
      <c r="CC7" s="15">
        <v>10163058</v>
      </c>
      <c r="CD7" s="15">
        <v>6243867</v>
      </c>
      <c r="CE7" s="15">
        <v>265585</v>
      </c>
      <c r="CF7" s="15">
        <v>0</v>
      </c>
      <c r="CG7" s="15">
        <v>0</v>
      </c>
      <c r="CH7" s="15">
        <v>5978282</v>
      </c>
      <c r="CI7" s="15">
        <v>10203866</v>
      </c>
      <c r="CJ7" s="15">
        <v>3044025</v>
      </c>
      <c r="CK7" s="15">
        <v>7159841</v>
      </c>
      <c r="CL7" s="15">
        <v>663678</v>
      </c>
      <c r="CM7" s="15">
        <v>0</v>
      </c>
      <c r="CN7" s="15">
        <v>6496163</v>
      </c>
      <c r="CO7" s="15">
        <v>2752362</v>
      </c>
      <c r="CP7" s="15">
        <v>2622336</v>
      </c>
      <c r="CQ7" s="15">
        <v>0</v>
      </c>
      <c r="CR7" s="15">
        <v>130026</v>
      </c>
      <c r="CS7" s="15">
        <v>10177103</v>
      </c>
      <c r="CT7" s="15">
        <v>6955250</v>
      </c>
      <c r="CU7" s="15">
        <v>500701</v>
      </c>
      <c r="CV7" s="15">
        <v>6454549</v>
      </c>
      <c r="CW7" s="15">
        <v>33846392</v>
      </c>
      <c r="CX7" s="15">
        <v>107719</v>
      </c>
      <c r="CY7" s="15">
        <v>18757</v>
      </c>
      <c r="CZ7" s="15">
        <v>0</v>
      </c>
      <c r="DA7" s="15">
        <v>21716901</v>
      </c>
      <c r="DB7" s="15">
        <v>95240</v>
      </c>
      <c r="DC7" s="15">
        <v>0</v>
      </c>
      <c r="DD7" s="15">
        <v>95240</v>
      </c>
      <c r="DE7" s="15">
        <v>3745006</v>
      </c>
      <c r="DF7" s="15">
        <v>8162769</v>
      </c>
      <c r="DG7" s="15">
        <v>0</v>
      </c>
      <c r="DH7" s="15">
        <v>0</v>
      </c>
      <c r="DI7" s="15">
        <v>8162769</v>
      </c>
      <c r="DJ7" s="15">
        <v>58284000</v>
      </c>
      <c r="DK7" s="15">
        <v>821547303</v>
      </c>
    </row>
    <row r="8" spans="1:115" ht="17.25" customHeight="1">
      <c r="A8" s="18" t="s">
        <v>175</v>
      </c>
      <c r="B8" s="19">
        <v>137316400</v>
      </c>
      <c r="C8" s="19">
        <v>1744207</v>
      </c>
      <c r="D8" s="19">
        <v>658294</v>
      </c>
      <c r="E8" s="19">
        <v>0</v>
      </c>
      <c r="F8" s="19">
        <v>15943</v>
      </c>
      <c r="G8" s="19">
        <v>960116</v>
      </c>
      <c r="H8" s="19">
        <v>0</v>
      </c>
      <c r="I8" s="19">
        <v>109854</v>
      </c>
      <c r="J8" s="19">
        <v>53806</v>
      </c>
      <c r="K8" s="19">
        <v>1230143</v>
      </c>
      <c r="L8" s="19">
        <v>1763690</v>
      </c>
      <c r="M8" s="19">
        <v>120465</v>
      </c>
      <c r="N8" s="19">
        <v>17226035</v>
      </c>
      <c r="O8" s="19">
        <v>166755</v>
      </c>
      <c r="P8" s="19">
        <v>0</v>
      </c>
      <c r="Q8" s="19">
        <v>3202373</v>
      </c>
      <c r="R8" s="19">
        <v>729067</v>
      </c>
      <c r="S8" s="19">
        <v>1702800</v>
      </c>
      <c r="T8" s="19">
        <v>5491556</v>
      </c>
      <c r="U8" s="19">
        <v>29606311</v>
      </c>
      <c r="V8" s="19">
        <v>28356348</v>
      </c>
      <c r="W8" s="25">
        <v>1249849</v>
      </c>
      <c r="X8" s="19">
        <v>114</v>
      </c>
      <c r="Y8" s="19">
        <v>170100</v>
      </c>
      <c r="Z8" s="19">
        <v>849109</v>
      </c>
      <c r="AA8" s="19">
        <v>64679</v>
      </c>
      <c r="AB8" s="19">
        <v>784430</v>
      </c>
      <c r="AC8" s="19">
        <v>2863389</v>
      </c>
      <c r="AD8" s="19">
        <v>0</v>
      </c>
      <c r="AE8" s="19">
        <v>0</v>
      </c>
      <c r="AF8" s="19">
        <v>0</v>
      </c>
      <c r="AG8" s="19">
        <v>0</v>
      </c>
      <c r="AH8" s="19">
        <v>224347</v>
      </c>
      <c r="AI8" s="19">
        <v>828821</v>
      </c>
      <c r="AJ8" s="19">
        <v>1810221</v>
      </c>
      <c r="AK8" s="19">
        <v>1810546</v>
      </c>
      <c r="AL8" s="19">
        <v>119413</v>
      </c>
      <c r="AM8" s="19">
        <v>1691133</v>
      </c>
      <c r="AN8" s="19">
        <v>81469009</v>
      </c>
      <c r="AO8" s="19">
        <v>7513196</v>
      </c>
      <c r="AP8" s="19">
        <v>19153916</v>
      </c>
      <c r="AQ8" s="19">
        <v>16024386</v>
      </c>
      <c r="AR8" s="19">
        <v>11222372</v>
      </c>
      <c r="AS8" s="19">
        <v>7805908</v>
      </c>
      <c r="AT8" s="19">
        <v>0</v>
      </c>
      <c r="AU8" s="19">
        <v>722824</v>
      </c>
      <c r="AV8" s="19">
        <v>25279</v>
      </c>
      <c r="AW8" s="19">
        <v>0</v>
      </c>
      <c r="AX8" s="19">
        <v>254718</v>
      </c>
      <c r="AY8" s="19">
        <v>0</v>
      </c>
      <c r="AZ8" s="19">
        <v>0</v>
      </c>
      <c r="BA8" s="19">
        <v>254718</v>
      </c>
      <c r="BB8" s="19">
        <v>0</v>
      </c>
      <c r="BC8" s="19">
        <v>1107753</v>
      </c>
      <c r="BD8" s="19">
        <v>71529</v>
      </c>
      <c r="BE8" s="19">
        <v>0</v>
      </c>
      <c r="BF8" s="19">
        <v>175983</v>
      </c>
      <c r="BG8" s="19">
        <v>0</v>
      </c>
      <c r="BH8" s="19">
        <v>0</v>
      </c>
      <c r="BI8" s="19">
        <v>0</v>
      </c>
      <c r="BJ8" s="19">
        <v>0</v>
      </c>
      <c r="BK8" s="19">
        <v>10985377</v>
      </c>
      <c r="BL8" s="19">
        <v>189943</v>
      </c>
      <c r="BM8" s="19">
        <v>6215825</v>
      </c>
      <c r="BN8" s="19">
        <v>1335778</v>
      </c>
      <c r="BO8" s="19">
        <v>21824286</v>
      </c>
      <c r="BP8" s="19">
        <v>15239099</v>
      </c>
      <c r="BQ8" s="19">
        <v>4920068</v>
      </c>
      <c r="BR8" s="19">
        <v>5124735</v>
      </c>
      <c r="BS8" s="19">
        <v>1333516</v>
      </c>
      <c r="BT8" s="19">
        <v>2160</v>
      </c>
      <c r="BU8" s="19">
        <v>0</v>
      </c>
      <c r="BV8" s="19">
        <v>254905</v>
      </c>
      <c r="BW8" s="19">
        <v>0</v>
      </c>
      <c r="BX8" s="19">
        <v>0</v>
      </c>
      <c r="BY8" s="19">
        <v>254905</v>
      </c>
      <c r="BZ8" s="19">
        <v>14439</v>
      </c>
      <c r="CA8" s="19">
        <v>0</v>
      </c>
      <c r="CB8" s="19">
        <v>0</v>
      </c>
      <c r="CC8" s="19">
        <v>3589276</v>
      </c>
      <c r="CD8" s="19">
        <v>6585187</v>
      </c>
      <c r="CE8" s="19">
        <v>446869</v>
      </c>
      <c r="CF8" s="19">
        <v>0</v>
      </c>
      <c r="CG8" s="19">
        <v>0</v>
      </c>
      <c r="CH8" s="19">
        <v>6138318</v>
      </c>
      <c r="CI8" s="19">
        <v>784056</v>
      </c>
      <c r="CJ8" s="19">
        <v>252015</v>
      </c>
      <c r="CK8" s="19">
        <v>532041</v>
      </c>
      <c r="CL8" s="19">
        <v>510349</v>
      </c>
      <c r="CM8" s="19">
        <v>0</v>
      </c>
      <c r="CN8" s="19">
        <v>21692</v>
      </c>
      <c r="CO8" s="19">
        <v>1053990</v>
      </c>
      <c r="CP8" s="19">
        <v>903841</v>
      </c>
      <c r="CQ8" s="19">
        <v>29800</v>
      </c>
      <c r="CR8" s="19">
        <v>120349</v>
      </c>
      <c r="CS8" s="19">
        <v>5553035</v>
      </c>
      <c r="CT8" s="19">
        <v>7853219</v>
      </c>
      <c r="CU8" s="19">
        <v>6260378</v>
      </c>
      <c r="CV8" s="19">
        <v>1592841</v>
      </c>
      <c r="CW8" s="19">
        <v>18123743</v>
      </c>
      <c r="CX8" s="19">
        <v>177658</v>
      </c>
      <c r="CY8" s="19">
        <v>4735</v>
      </c>
      <c r="CZ8" s="19">
        <v>0</v>
      </c>
      <c r="DA8" s="19">
        <v>10139152</v>
      </c>
      <c r="DB8" s="19">
        <v>418713</v>
      </c>
      <c r="DC8" s="19">
        <v>204308</v>
      </c>
      <c r="DD8" s="19">
        <v>214405</v>
      </c>
      <c r="DE8" s="19">
        <v>1132616</v>
      </c>
      <c r="DF8" s="19">
        <v>6250869</v>
      </c>
      <c r="DG8" s="19">
        <v>0</v>
      </c>
      <c r="DH8" s="19">
        <v>0</v>
      </c>
      <c r="DI8" s="19">
        <v>6250869</v>
      </c>
      <c r="DJ8" s="19">
        <v>18603000</v>
      </c>
      <c r="DK8" s="19">
        <v>362646868</v>
      </c>
    </row>
    <row r="9" spans="1:115" ht="17.25" customHeight="1">
      <c r="A9" s="6" t="s">
        <v>195</v>
      </c>
      <c r="B9" s="15">
        <v>61033305</v>
      </c>
      <c r="C9" s="15">
        <v>681502</v>
      </c>
      <c r="D9" s="15">
        <v>153155</v>
      </c>
      <c r="E9" s="15">
        <v>15149</v>
      </c>
      <c r="F9" s="15">
        <v>0</v>
      </c>
      <c r="G9" s="15">
        <v>468698</v>
      </c>
      <c r="H9" s="15">
        <v>0</v>
      </c>
      <c r="I9" s="15">
        <v>44500</v>
      </c>
      <c r="J9" s="15">
        <v>26712</v>
      </c>
      <c r="K9" s="15">
        <v>609908</v>
      </c>
      <c r="L9" s="15">
        <v>873227</v>
      </c>
      <c r="M9" s="15">
        <v>0</v>
      </c>
      <c r="N9" s="15">
        <v>9264580</v>
      </c>
      <c r="O9" s="15">
        <v>22233</v>
      </c>
      <c r="P9" s="15">
        <v>0</v>
      </c>
      <c r="Q9" s="15">
        <v>0</v>
      </c>
      <c r="R9" s="15">
        <v>182815</v>
      </c>
      <c r="S9" s="15">
        <v>935016</v>
      </c>
      <c r="T9" s="15">
        <v>2084753</v>
      </c>
      <c r="U9" s="15">
        <v>20264131</v>
      </c>
      <c r="V9" s="15">
        <v>19179163</v>
      </c>
      <c r="W9" s="24">
        <v>1084968</v>
      </c>
      <c r="X9" s="15">
        <v>0</v>
      </c>
      <c r="Y9" s="15">
        <v>40851</v>
      </c>
      <c r="Z9" s="15">
        <v>1155954</v>
      </c>
      <c r="AA9" s="15">
        <v>913507</v>
      </c>
      <c r="AB9" s="15">
        <v>242447</v>
      </c>
      <c r="AC9" s="15">
        <v>3674124</v>
      </c>
      <c r="AD9" s="15">
        <v>133466</v>
      </c>
      <c r="AE9" s="15">
        <v>119560</v>
      </c>
      <c r="AF9" s="15">
        <v>0</v>
      </c>
      <c r="AG9" s="15">
        <v>13906</v>
      </c>
      <c r="AH9" s="15">
        <v>57336</v>
      </c>
      <c r="AI9" s="15">
        <v>1010343</v>
      </c>
      <c r="AJ9" s="15">
        <v>2472979</v>
      </c>
      <c r="AK9" s="15">
        <v>904100</v>
      </c>
      <c r="AL9" s="15">
        <v>5489</v>
      </c>
      <c r="AM9" s="15">
        <v>898611</v>
      </c>
      <c r="AN9" s="15">
        <v>34652490</v>
      </c>
      <c r="AO9" s="15">
        <v>0</v>
      </c>
      <c r="AP9" s="15">
        <v>7744241</v>
      </c>
      <c r="AQ9" s="15">
        <v>4821334</v>
      </c>
      <c r="AR9" s="15">
        <v>4324236</v>
      </c>
      <c r="AS9" s="15">
        <v>3464561</v>
      </c>
      <c r="AT9" s="15">
        <v>0</v>
      </c>
      <c r="AU9" s="15">
        <v>1153608</v>
      </c>
      <c r="AV9" s="15">
        <v>0</v>
      </c>
      <c r="AW9" s="15">
        <v>0</v>
      </c>
      <c r="AX9" s="15">
        <v>138295</v>
      </c>
      <c r="AY9" s="15">
        <v>0</v>
      </c>
      <c r="AZ9" s="15">
        <v>0</v>
      </c>
      <c r="BA9" s="15">
        <v>138295</v>
      </c>
      <c r="BB9" s="15">
        <v>0</v>
      </c>
      <c r="BC9" s="15">
        <v>1372848</v>
      </c>
      <c r="BD9" s="15">
        <v>544972</v>
      </c>
      <c r="BE9" s="15">
        <v>0</v>
      </c>
      <c r="BF9" s="15">
        <v>178294</v>
      </c>
      <c r="BG9" s="15">
        <v>0</v>
      </c>
      <c r="BH9" s="15">
        <v>0</v>
      </c>
      <c r="BI9" s="15">
        <v>0</v>
      </c>
      <c r="BJ9" s="15">
        <v>0</v>
      </c>
      <c r="BK9" s="15">
        <v>6393044</v>
      </c>
      <c r="BL9" s="15">
        <v>117249</v>
      </c>
      <c r="BM9" s="15">
        <v>4399808</v>
      </c>
      <c r="BN9" s="15">
        <v>2315981</v>
      </c>
      <c r="BO9" s="15">
        <v>10821886</v>
      </c>
      <c r="BP9" s="15">
        <v>6952894</v>
      </c>
      <c r="BQ9" s="15">
        <v>1820580</v>
      </c>
      <c r="BR9" s="15">
        <v>2068258</v>
      </c>
      <c r="BS9" s="15">
        <v>608948</v>
      </c>
      <c r="BT9" s="15">
        <v>323224</v>
      </c>
      <c r="BU9" s="15">
        <v>7856</v>
      </c>
      <c r="BV9" s="15">
        <v>147589</v>
      </c>
      <c r="BW9" s="15">
        <v>0</v>
      </c>
      <c r="BX9" s="15">
        <v>0</v>
      </c>
      <c r="BY9" s="15">
        <v>147589</v>
      </c>
      <c r="BZ9" s="15">
        <v>0</v>
      </c>
      <c r="CA9" s="15">
        <v>7999</v>
      </c>
      <c r="CB9" s="15">
        <v>0</v>
      </c>
      <c r="CC9" s="15">
        <v>1968440</v>
      </c>
      <c r="CD9" s="15">
        <v>3868992</v>
      </c>
      <c r="CE9" s="15">
        <v>0</v>
      </c>
      <c r="CF9" s="15">
        <v>0</v>
      </c>
      <c r="CG9" s="15">
        <v>0</v>
      </c>
      <c r="CH9" s="15">
        <v>3868992</v>
      </c>
      <c r="CI9" s="15">
        <v>2594267</v>
      </c>
      <c r="CJ9" s="15">
        <v>205323</v>
      </c>
      <c r="CK9" s="15">
        <v>2388944</v>
      </c>
      <c r="CL9" s="15">
        <v>2376448</v>
      </c>
      <c r="CM9" s="15">
        <v>0</v>
      </c>
      <c r="CN9" s="15">
        <v>12496</v>
      </c>
      <c r="CO9" s="15">
        <v>891398</v>
      </c>
      <c r="CP9" s="15">
        <v>723653</v>
      </c>
      <c r="CQ9" s="15">
        <v>111100</v>
      </c>
      <c r="CR9" s="15">
        <v>56645</v>
      </c>
      <c r="CS9" s="15">
        <v>4596093</v>
      </c>
      <c r="CT9" s="15">
        <v>3043331</v>
      </c>
      <c r="CU9" s="15">
        <v>2597528</v>
      </c>
      <c r="CV9" s="15">
        <v>445803</v>
      </c>
      <c r="CW9" s="15">
        <v>6118041</v>
      </c>
      <c r="CX9" s="15">
        <v>86739</v>
      </c>
      <c r="CY9" s="15">
        <v>325</v>
      </c>
      <c r="CZ9" s="15">
        <v>0</v>
      </c>
      <c r="DA9" s="15">
        <v>1906418</v>
      </c>
      <c r="DB9" s="15">
        <v>5377</v>
      </c>
      <c r="DC9" s="15">
        <v>5377</v>
      </c>
      <c r="DD9" s="15">
        <v>0</v>
      </c>
      <c r="DE9" s="15">
        <v>0</v>
      </c>
      <c r="DF9" s="15">
        <v>4119182</v>
      </c>
      <c r="DG9" s="15">
        <v>0</v>
      </c>
      <c r="DH9" s="15">
        <v>0</v>
      </c>
      <c r="DI9" s="15">
        <v>4119182</v>
      </c>
      <c r="DJ9" s="15">
        <v>10533800</v>
      </c>
      <c r="DK9" s="15">
        <v>177320498</v>
      </c>
    </row>
    <row r="10" spans="1:115" s="13" customFormat="1" ht="17.25" customHeight="1">
      <c r="A10" s="6" t="s">
        <v>196</v>
      </c>
      <c r="B10" s="15">
        <v>46669345</v>
      </c>
      <c r="C10" s="15">
        <v>526026</v>
      </c>
      <c r="D10" s="15">
        <v>121479</v>
      </c>
      <c r="E10" s="15">
        <v>0</v>
      </c>
      <c r="F10" s="15">
        <v>0</v>
      </c>
      <c r="G10" s="15">
        <v>371761</v>
      </c>
      <c r="H10" s="15">
        <v>0</v>
      </c>
      <c r="I10" s="15">
        <v>32786</v>
      </c>
      <c r="J10" s="15">
        <v>18252</v>
      </c>
      <c r="K10" s="15">
        <v>417074</v>
      </c>
      <c r="L10" s="15">
        <v>597591</v>
      </c>
      <c r="M10" s="15">
        <v>0</v>
      </c>
      <c r="N10" s="15">
        <v>6452736</v>
      </c>
      <c r="O10" s="15">
        <v>42164</v>
      </c>
      <c r="P10" s="15">
        <v>0</v>
      </c>
      <c r="Q10" s="15">
        <v>0</v>
      </c>
      <c r="R10" s="15">
        <v>145400</v>
      </c>
      <c r="S10" s="15">
        <v>758092</v>
      </c>
      <c r="T10" s="15">
        <v>1453058</v>
      </c>
      <c r="U10" s="15">
        <v>2198086</v>
      </c>
      <c r="V10" s="15">
        <v>1917966</v>
      </c>
      <c r="W10" s="24">
        <v>280120</v>
      </c>
      <c r="X10" s="15">
        <v>0</v>
      </c>
      <c r="Y10" s="15">
        <v>32114</v>
      </c>
      <c r="Z10" s="15">
        <v>720261</v>
      </c>
      <c r="AA10" s="15">
        <v>267435</v>
      </c>
      <c r="AB10" s="15">
        <v>452826</v>
      </c>
      <c r="AC10" s="15">
        <v>1042623</v>
      </c>
      <c r="AD10" s="15">
        <v>48</v>
      </c>
      <c r="AE10" s="15">
        <v>0</v>
      </c>
      <c r="AF10" s="15">
        <v>48</v>
      </c>
      <c r="AG10" s="15">
        <v>0</v>
      </c>
      <c r="AH10" s="15">
        <v>77274</v>
      </c>
      <c r="AI10" s="15">
        <v>280456</v>
      </c>
      <c r="AJ10" s="15">
        <v>684845</v>
      </c>
      <c r="AK10" s="15">
        <v>632339</v>
      </c>
      <c r="AL10" s="15">
        <v>37834</v>
      </c>
      <c r="AM10" s="15">
        <v>594505</v>
      </c>
      <c r="AN10" s="15">
        <v>22794052</v>
      </c>
      <c r="AO10" s="15">
        <v>0</v>
      </c>
      <c r="AP10" s="15">
        <v>5404575</v>
      </c>
      <c r="AQ10" s="15">
        <v>3331637</v>
      </c>
      <c r="AR10" s="15">
        <v>2983721</v>
      </c>
      <c r="AS10" s="15">
        <v>2790738</v>
      </c>
      <c r="AT10" s="15">
        <v>0</v>
      </c>
      <c r="AU10" s="15">
        <v>1285259</v>
      </c>
      <c r="AV10" s="15">
        <v>0</v>
      </c>
      <c r="AW10" s="15">
        <v>0</v>
      </c>
      <c r="AX10" s="15">
        <v>61762</v>
      </c>
      <c r="AY10" s="15">
        <v>0</v>
      </c>
      <c r="AZ10" s="15">
        <v>0</v>
      </c>
      <c r="BA10" s="15">
        <v>61762</v>
      </c>
      <c r="BB10" s="15">
        <v>0</v>
      </c>
      <c r="BC10" s="15">
        <v>440583</v>
      </c>
      <c r="BD10" s="15">
        <v>0</v>
      </c>
      <c r="BE10" s="15">
        <v>0</v>
      </c>
      <c r="BF10" s="15">
        <v>53098</v>
      </c>
      <c r="BG10" s="15">
        <v>0</v>
      </c>
      <c r="BH10" s="15">
        <v>0</v>
      </c>
      <c r="BI10" s="15">
        <v>0</v>
      </c>
      <c r="BJ10" s="15">
        <v>0</v>
      </c>
      <c r="BK10" s="15">
        <v>3763263</v>
      </c>
      <c r="BL10" s="15">
        <v>218271</v>
      </c>
      <c r="BM10" s="15">
        <v>2461145</v>
      </c>
      <c r="BN10" s="15">
        <v>0</v>
      </c>
      <c r="BO10" s="15">
        <v>7095215</v>
      </c>
      <c r="BP10" s="15">
        <v>4575139</v>
      </c>
      <c r="BQ10" s="15">
        <v>1394306</v>
      </c>
      <c r="BR10" s="15">
        <v>1444979</v>
      </c>
      <c r="BS10" s="15">
        <v>477413</v>
      </c>
      <c r="BT10" s="15">
        <v>71764</v>
      </c>
      <c r="BU10" s="15">
        <v>0</v>
      </c>
      <c r="BV10" s="15">
        <v>109147</v>
      </c>
      <c r="BW10" s="15">
        <v>0</v>
      </c>
      <c r="BX10" s="15">
        <v>0</v>
      </c>
      <c r="BY10" s="15">
        <v>109147</v>
      </c>
      <c r="BZ10" s="15">
        <v>0</v>
      </c>
      <c r="CA10" s="15">
        <v>0</v>
      </c>
      <c r="CB10" s="15">
        <v>0</v>
      </c>
      <c r="CC10" s="15">
        <v>1077530</v>
      </c>
      <c r="CD10" s="15">
        <v>2520076</v>
      </c>
      <c r="CE10" s="15">
        <v>0</v>
      </c>
      <c r="CF10" s="15">
        <v>1141</v>
      </c>
      <c r="CG10" s="15">
        <v>0</v>
      </c>
      <c r="CH10" s="15">
        <v>2518935</v>
      </c>
      <c r="CI10" s="15">
        <v>278552</v>
      </c>
      <c r="CJ10" s="15">
        <v>152725</v>
      </c>
      <c r="CK10" s="15">
        <v>125827</v>
      </c>
      <c r="CL10" s="15">
        <v>115993</v>
      </c>
      <c r="CM10" s="15">
        <v>0</v>
      </c>
      <c r="CN10" s="15">
        <v>9834</v>
      </c>
      <c r="CO10" s="15">
        <v>221723</v>
      </c>
      <c r="CP10" s="15">
        <v>213616</v>
      </c>
      <c r="CQ10" s="15">
        <v>3200</v>
      </c>
      <c r="CR10" s="15">
        <v>4907</v>
      </c>
      <c r="CS10" s="15">
        <v>3606688</v>
      </c>
      <c r="CT10" s="15">
        <v>3480973</v>
      </c>
      <c r="CU10" s="15">
        <v>2740697</v>
      </c>
      <c r="CV10" s="15">
        <v>740276</v>
      </c>
      <c r="CW10" s="15">
        <v>5042826</v>
      </c>
      <c r="CX10" s="15">
        <v>55155</v>
      </c>
      <c r="CY10" s="15">
        <v>0</v>
      </c>
      <c r="CZ10" s="15">
        <v>1003568</v>
      </c>
      <c r="DA10" s="15">
        <v>1797134</v>
      </c>
      <c r="DB10" s="15">
        <v>0</v>
      </c>
      <c r="DC10" s="15">
        <v>0</v>
      </c>
      <c r="DD10" s="15">
        <v>0</v>
      </c>
      <c r="DE10" s="15">
        <v>550000</v>
      </c>
      <c r="DF10" s="15">
        <v>1636969</v>
      </c>
      <c r="DG10" s="15">
        <v>0</v>
      </c>
      <c r="DH10" s="15">
        <v>0</v>
      </c>
      <c r="DI10" s="15">
        <v>1636969</v>
      </c>
      <c r="DJ10" s="15">
        <v>7137513</v>
      </c>
      <c r="DK10" s="15">
        <v>111362703</v>
      </c>
    </row>
    <row r="11" spans="1:115" s="13" customFormat="1" ht="17.25" customHeight="1">
      <c r="A11" s="6" t="s">
        <v>197</v>
      </c>
      <c r="B11" s="15">
        <v>37255314</v>
      </c>
      <c r="C11" s="15">
        <v>312091</v>
      </c>
      <c r="D11" s="15">
        <v>71765</v>
      </c>
      <c r="E11" s="15">
        <v>0</v>
      </c>
      <c r="F11" s="15">
        <v>0</v>
      </c>
      <c r="G11" s="15">
        <v>219622</v>
      </c>
      <c r="H11" s="15">
        <v>0</v>
      </c>
      <c r="I11" s="15">
        <v>20704</v>
      </c>
      <c r="J11" s="15">
        <v>19946</v>
      </c>
      <c r="K11" s="15">
        <v>457252</v>
      </c>
      <c r="L11" s="15">
        <v>657408</v>
      </c>
      <c r="M11" s="15">
        <v>0</v>
      </c>
      <c r="N11" s="15">
        <v>4225723</v>
      </c>
      <c r="O11" s="15">
        <v>23931</v>
      </c>
      <c r="P11" s="15">
        <v>0</v>
      </c>
      <c r="Q11" s="15">
        <v>0</v>
      </c>
      <c r="R11" s="15">
        <v>85484</v>
      </c>
      <c r="S11" s="15">
        <v>465071</v>
      </c>
      <c r="T11" s="15">
        <v>928409</v>
      </c>
      <c r="U11" s="15">
        <v>21466</v>
      </c>
      <c r="V11" s="15">
        <v>0</v>
      </c>
      <c r="W11" s="24">
        <v>21423</v>
      </c>
      <c r="X11" s="15">
        <v>43</v>
      </c>
      <c r="Y11" s="15">
        <v>17036</v>
      </c>
      <c r="Z11" s="15">
        <v>287193</v>
      </c>
      <c r="AA11" s="15">
        <v>8671</v>
      </c>
      <c r="AB11" s="15">
        <v>278522</v>
      </c>
      <c r="AC11" s="15">
        <v>442361</v>
      </c>
      <c r="AD11" s="15">
        <v>0</v>
      </c>
      <c r="AE11" s="15">
        <v>0</v>
      </c>
      <c r="AF11" s="15">
        <v>0</v>
      </c>
      <c r="AG11" s="15">
        <v>0</v>
      </c>
      <c r="AH11" s="15">
        <v>75251</v>
      </c>
      <c r="AI11" s="15">
        <v>96436</v>
      </c>
      <c r="AJ11" s="15">
        <v>270674</v>
      </c>
      <c r="AK11" s="15">
        <v>816950</v>
      </c>
      <c r="AL11" s="15">
        <v>32583</v>
      </c>
      <c r="AM11" s="15">
        <v>784367</v>
      </c>
      <c r="AN11" s="15">
        <v>13057937</v>
      </c>
      <c r="AO11" s="15">
        <v>0</v>
      </c>
      <c r="AP11" s="15">
        <v>1692777</v>
      </c>
      <c r="AQ11" s="15">
        <v>2470736</v>
      </c>
      <c r="AR11" s="15">
        <v>1786743</v>
      </c>
      <c r="AS11" s="15">
        <v>1603082</v>
      </c>
      <c r="AT11" s="15">
        <v>0</v>
      </c>
      <c r="AU11" s="15">
        <v>121615</v>
      </c>
      <c r="AV11" s="15">
        <v>0</v>
      </c>
      <c r="AW11" s="15">
        <v>0</v>
      </c>
      <c r="AX11" s="15">
        <v>43951</v>
      </c>
      <c r="AY11" s="15">
        <v>0</v>
      </c>
      <c r="AZ11" s="15">
        <v>0</v>
      </c>
      <c r="BA11" s="15">
        <v>43951</v>
      </c>
      <c r="BB11" s="15">
        <v>0</v>
      </c>
      <c r="BC11" s="15">
        <v>824093</v>
      </c>
      <c r="BD11" s="15">
        <v>0</v>
      </c>
      <c r="BE11" s="15">
        <v>0</v>
      </c>
      <c r="BF11" s="15">
        <v>17871</v>
      </c>
      <c r="BG11" s="15">
        <v>0</v>
      </c>
      <c r="BH11" s="15">
        <v>0</v>
      </c>
      <c r="BI11" s="15">
        <v>0</v>
      </c>
      <c r="BJ11" s="15">
        <v>0</v>
      </c>
      <c r="BK11" s="15">
        <v>2427302</v>
      </c>
      <c r="BL11" s="15">
        <v>50669</v>
      </c>
      <c r="BM11" s="15">
        <v>2019098</v>
      </c>
      <c r="BN11" s="15">
        <v>0</v>
      </c>
      <c r="BO11" s="15">
        <v>4583108</v>
      </c>
      <c r="BP11" s="15">
        <v>3087892</v>
      </c>
      <c r="BQ11" s="15">
        <v>1035086</v>
      </c>
      <c r="BR11" s="15">
        <v>875388</v>
      </c>
      <c r="BS11" s="15">
        <v>268779</v>
      </c>
      <c r="BT11" s="15">
        <v>69502</v>
      </c>
      <c r="BU11" s="15">
        <v>0</v>
      </c>
      <c r="BV11" s="15">
        <v>83207</v>
      </c>
      <c r="BW11" s="15">
        <v>0</v>
      </c>
      <c r="BX11" s="15">
        <v>0</v>
      </c>
      <c r="BY11" s="15">
        <v>83207</v>
      </c>
      <c r="BZ11" s="15">
        <v>0</v>
      </c>
      <c r="CA11" s="15">
        <v>0</v>
      </c>
      <c r="CB11" s="15">
        <v>0</v>
      </c>
      <c r="CC11" s="15">
        <v>755930</v>
      </c>
      <c r="CD11" s="15">
        <v>1495216</v>
      </c>
      <c r="CE11" s="15">
        <v>0</v>
      </c>
      <c r="CF11" s="15">
        <v>0</v>
      </c>
      <c r="CG11" s="15">
        <v>0</v>
      </c>
      <c r="CH11" s="15">
        <v>1495216</v>
      </c>
      <c r="CI11" s="15">
        <v>601820</v>
      </c>
      <c r="CJ11" s="15">
        <v>131672</v>
      </c>
      <c r="CK11" s="15">
        <v>470148</v>
      </c>
      <c r="CL11" s="15">
        <v>93436</v>
      </c>
      <c r="CM11" s="15">
        <v>0</v>
      </c>
      <c r="CN11" s="15">
        <v>376712</v>
      </c>
      <c r="CO11" s="15">
        <v>2681470</v>
      </c>
      <c r="CP11" s="15">
        <v>2487606</v>
      </c>
      <c r="CQ11" s="15">
        <v>0</v>
      </c>
      <c r="CR11" s="15">
        <v>193864</v>
      </c>
      <c r="CS11" s="15">
        <v>3853750</v>
      </c>
      <c r="CT11" s="15">
        <v>3255024</v>
      </c>
      <c r="CU11" s="15">
        <v>2900330</v>
      </c>
      <c r="CV11" s="15">
        <v>354694</v>
      </c>
      <c r="CW11" s="15">
        <v>971940</v>
      </c>
      <c r="CX11" s="15">
        <v>30537</v>
      </c>
      <c r="CY11" s="15">
        <v>1550</v>
      </c>
      <c r="CZ11" s="15">
        <v>0</v>
      </c>
      <c r="DA11" s="15">
        <v>337000</v>
      </c>
      <c r="DB11" s="15">
        <v>0</v>
      </c>
      <c r="DC11" s="15">
        <v>0</v>
      </c>
      <c r="DD11" s="15">
        <v>0</v>
      </c>
      <c r="DE11" s="15">
        <v>0</v>
      </c>
      <c r="DF11" s="15">
        <v>602853</v>
      </c>
      <c r="DG11" s="15">
        <v>0</v>
      </c>
      <c r="DH11" s="15">
        <v>0</v>
      </c>
      <c r="DI11" s="15">
        <v>602853</v>
      </c>
      <c r="DJ11" s="15">
        <v>2617400</v>
      </c>
      <c r="DK11" s="15">
        <v>77638084</v>
      </c>
    </row>
    <row r="12" spans="1:115" s="13" customFormat="1" ht="17.25" customHeight="1">
      <c r="A12" s="6" t="s">
        <v>198</v>
      </c>
      <c r="B12" s="15">
        <v>86837235</v>
      </c>
      <c r="C12" s="15">
        <v>845214</v>
      </c>
      <c r="D12" s="15">
        <v>195385</v>
      </c>
      <c r="E12" s="15">
        <v>0</v>
      </c>
      <c r="F12" s="15">
        <v>0</v>
      </c>
      <c r="G12" s="15">
        <v>597931</v>
      </c>
      <c r="H12" s="15">
        <v>0</v>
      </c>
      <c r="I12" s="15">
        <v>51898</v>
      </c>
      <c r="J12" s="15">
        <v>40383</v>
      </c>
      <c r="K12" s="15">
        <v>924618</v>
      </c>
      <c r="L12" s="15">
        <v>1327646</v>
      </c>
      <c r="M12" s="15">
        <v>0</v>
      </c>
      <c r="N12" s="15">
        <v>10556305</v>
      </c>
      <c r="O12" s="15">
        <v>19690</v>
      </c>
      <c r="P12" s="15">
        <v>0</v>
      </c>
      <c r="Q12" s="15">
        <v>0</v>
      </c>
      <c r="R12" s="15">
        <v>232879</v>
      </c>
      <c r="S12" s="15">
        <v>1112867</v>
      </c>
      <c r="T12" s="15">
        <v>2602016</v>
      </c>
      <c r="U12" s="15">
        <v>63583</v>
      </c>
      <c r="V12" s="15">
        <v>0</v>
      </c>
      <c r="W12" s="24">
        <v>63583</v>
      </c>
      <c r="X12" s="15">
        <v>0</v>
      </c>
      <c r="Y12" s="15">
        <v>43057</v>
      </c>
      <c r="Z12" s="15">
        <v>1319116</v>
      </c>
      <c r="AA12" s="15">
        <v>196123</v>
      </c>
      <c r="AB12" s="15">
        <v>1122993</v>
      </c>
      <c r="AC12" s="15">
        <v>1693860</v>
      </c>
      <c r="AD12" s="15">
        <v>25883</v>
      </c>
      <c r="AE12" s="15">
        <v>0</v>
      </c>
      <c r="AF12" s="15">
        <v>0</v>
      </c>
      <c r="AG12" s="15">
        <v>25883</v>
      </c>
      <c r="AH12" s="15">
        <v>233763</v>
      </c>
      <c r="AI12" s="15">
        <v>335309</v>
      </c>
      <c r="AJ12" s="15">
        <v>1098905</v>
      </c>
      <c r="AK12" s="15">
        <v>2093062</v>
      </c>
      <c r="AL12" s="15">
        <v>169437</v>
      </c>
      <c r="AM12" s="15">
        <v>1923625</v>
      </c>
      <c r="AN12" s="15">
        <v>37063655</v>
      </c>
      <c r="AO12" s="15">
        <v>0</v>
      </c>
      <c r="AP12" s="15">
        <v>7736122</v>
      </c>
      <c r="AQ12" s="15">
        <v>7361703</v>
      </c>
      <c r="AR12" s="15">
        <v>4624537</v>
      </c>
      <c r="AS12" s="15">
        <v>5190744</v>
      </c>
      <c r="AT12" s="15">
        <v>0</v>
      </c>
      <c r="AU12" s="15">
        <v>574952</v>
      </c>
      <c r="AV12" s="15">
        <v>0</v>
      </c>
      <c r="AW12" s="15">
        <v>0</v>
      </c>
      <c r="AX12" s="15">
        <v>120707</v>
      </c>
      <c r="AY12" s="15">
        <v>0</v>
      </c>
      <c r="AZ12" s="15">
        <v>0</v>
      </c>
      <c r="BA12" s="15">
        <v>120707</v>
      </c>
      <c r="BB12" s="15">
        <v>0</v>
      </c>
      <c r="BC12" s="15">
        <v>660042</v>
      </c>
      <c r="BD12" s="15">
        <v>105086</v>
      </c>
      <c r="BE12" s="15">
        <v>0</v>
      </c>
      <c r="BF12" s="15">
        <v>155558</v>
      </c>
      <c r="BG12" s="15">
        <v>0</v>
      </c>
      <c r="BH12" s="15">
        <v>0</v>
      </c>
      <c r="BI12" s="15">
        <v>0</v>
      </c>
      <c r="BJ12" s="15">
        <v>0</v>
      </c>
      <c r="BK12" s="15">
        <v>5790091</v>
      </c>
      <c r="BL12" s="15">
        <v>34638</v>
      </c>
      <c r="BM12" s="15">
        <v>4709475</v>
      </c>
      <c r="BN12" s="15">
        <v>0</v>
      </c>
      <c r="BO12" s="15">
        <v>11937034</v>
      </c>
      <c r="BP12" s="15">
        <v>8297107</v>
      </c>
      <c r="BQ12" s="15">
        <v>3155141</v>
      </c>
      <c r="BR12" s="15">
        <v>2304700</v>
      </c>
      <c r="BS12" s="15">
        <v>867538</v>
      </c>
      <c r="BT12" s="15">
        <v>58567</v>
      </c>
      <c r="BU12" s="15">
        <v>0</v>
      </c>
      <c r="BV12" s="15">
        <v>164761</v>
      </c>
      <c r="BW12" s="15">
        <v>0</v>
      </c>
      <c r="BX12" s="15">
        <v>0</v>
      </c>
      <c r="BY12" s="15">
        <v>164761</v>
      </c>
      <c r="BZ12" s="15">
        <v>0</v>
      </c>
      <c r="CA12" s="15">
        <v>0</v>
      </c>
      <c r="CB12" s="15">
        <v>0</v>
      </c>
      <c r="CC12" s="15">
        <v>1746400</v>
      </c>
      <c r="CD12" s="15">
        <v>3639927</v>
      </c>
      <c r="CE12" s="15">
        <v>0</v>
      </c>
      <c r="CF12" s="15">
        <v>0</v>
      </c>
      <c r="CG12" s="15">
        <v>0</v>
      </c>
      <c r="CH12" s="15">
        <v>3639927</v>
      </c>
      <c r="CI12" s="15">
        <v>310600</v>
      </c>
      <c r="CJ12" s="15">
        <v>222827</v>
      </c>
      <c r="CK12" s="15">
        <v>87773</v>
      </c>
      <c r="CL12" s="15">
        <v>75898</v>
      </c>
      <c r="CM12" s="15">
        <v>0</v>
      </c>
      <c r="CN12" s="15">
        <v>11875</v>
      </c>
      <c r="CO12" s="15">
        <v>914597</v>
      </c>
      <c r="CP12" s="15">
        <v>659813</v>
      </c>
      <c r="CQ12" s="15">
        <v>0</v>
      </c>
      <c r="CR12" s="15">
        <v>254784</v>
      </c>
      <c r="CS12" s="15">
        <v>5494111</v>
      </c>
      <c r="CT12" s="15">
        <v>6060531</v>
      </c>
      <c r="CU12" s="15">
        <v>5732795</v>
      </c>
      <c r="CV12" s="15">
        <v>327736</v>
      </c>
      <c r="CW12" s="15">
        <v>4082594</v>
      </c>
      <c r="CX12" s="15">
        <v>158438</v>
      </c>
      <c r="CY12" s="15">
        <v>1618</v>
      </c>
      <c r="CZ12" s="15">
        <v>0</v>
      </c>
      <c r="DA12" s="15">
        <v>940102</v>
      </c>
      <c r="DB12" s="15">
        <v>0</v>
      </c>
      <c r="DC12" s="15">
        <v>0</v>
      </c>
      <c r="DD12" s="15">
        <v>0</v>
      </c>
      <c r="DE12" s="15">
        <v>0</v>
      </c>
      <c r="DF12" s="15">
        <v>2982436</v>
      </c>
      <c r="DG12" s="15">
        <v>0</v>
      </c>
      <c r="DH12" s="15">
        <v>0</v>
      </c>
      <c r="DI12" s="15">
        <v>2982436</v>
      </c>
      <c r="DJ12" s="15">
        <v>7558800</v>
      </c>
      <c r="DK12" s="15">
        <v>183133453</v>
      </c>
    </row>
    <row r="13" spans="1:115" s="13" customFormat="1" ht="17.25" customHeight="1">
      <c r="A13" s="6" t="s">
        <v>176</v>
      </c>
      <c r="B13" s="15">
        <v>32471850</v>
      </c>
      <c r="C13" s="15">
        <v>375195</v>
      </c>
      <c r="D13" s="15">
        <v>83437</v>
      </c>
      <c r="E13" s="15">
        <v>0</v>
      </c>
      <c r="F13" s="15">
        <v>0</v>
      </c>
      <c r="G13" s="15">
        <v>255344</v>
      </c>
      <c r="H13" s="15">
        <v>0</v>
      </c>
      <c r="I13" s="15">
        <v>36414</v>
      </c>
      <c r="J13" s="15">
        <v>13342</v>
      </c>
      <c r="K13" s="15">
        <v>304806</v>
      </c>
      <c r="L13" s="15">
        <v>436632</v>
      </c>
      <c r="M13" s="15">
        <v>0</v>
      </c>
      <c r="N13" s="15">
        <v>4753882</v>
      </c>
      <c r="O13" s="15">
        <v>15345</v>
      </c>
      <c r="P13" s="15">
        <v>0</v>
      </c>
      <c r="Q13" s="15">
        <v>0</v>
      </c>
      <c r="R13" s="15">
        <v>99746</v>
      </c>
      <c r="S13" s="15">
        <v>572257</v>
      </c>
      <c r="T13" s="15">
        <v>1031553</v>
      </c>
      <c r="U13" s="15">
        <v>4289483</v>
      </c>
      <c r="V13" s="15">
        <v>4005014</v>
      </c>
      <c r="W13" s="24">
        <v>284424</v>
      </c>
      <c r="X13" s="15">
        <v>45</v>
      </c>
      <c r="Y13" s="15">
        <v>20707</v>
      </c>
      <c r="Z13" s="15">
        <v>2432897</v>
      </c>
      <c r="AA13" s="15">
        <v>1993243</v>
      </c>
      <c r="AB13" s="15">
        <v>439654</v>
      </c>
      <c r="AC13" s="15">
        <v>640568</v>
      </c>
      <c r="AD13" s="15">
        <v>439</v>
      </c>
      <c r="AE13" s="15">
        <v>0</v>
      </c>
      <c r="AF13" s="15">
        <v>439</v>
      </c>
      <c r="AG13" s="15">
        <v>0</v>
      </c>
      <c r="AH13" s="15">
        <v>26664</v>
      </c>
      <c r="AI13" s="15">
        <v>219310</v>
      </c>
      <c r="AJ13" s="15">
        <v>394155</v>
      </c>
      <c r="AK13" s="15">
        <v>759734</v>
      </c>
      <c r="AL13" s="15">
        <v>50924</v>
      </c>
      <c r="AM13" s="15">
        <v>708810</v>
      </c>
      <c r="AN13" s="15">
        <v>18012072</v>
      </c>
      <c r="AO13" s="15">
        <v>0</v>
      </c>
      <c r="AP13" s="15">
        <v>4660510</v>
      </c>
      <c r="AQ13" s="15">
        <v>2852878</v>
      </c>
      <c r="AR13" s="15">
        <v>2279782</v>
      </c>
      <c r="AS13" s="15">
        <v>1929871</v>
      </c>
      <c r="AT13" s="15">
        <v>0</v>
      </c>
      <c r="AU13" s="15">
        <v>327741</v>
      </c>
      <c r="AV13" s="15">
        <v>29210</v>
      </c>
      <c r="AW13" s="15">
        <v>0</v>
      </c>
      <c r="AX13" s="15">
        <v>53088</v>
      </c>
      <c r="AY13" s="15">
        <v>0</v>
      </c>
      <c r="AZ13" s="15">
        <v>0</v>
      </c>
      <c r="BA13" s="15">
        <v>53088</v>
      </c>
      <c r="BB13" s="15">
        <v>0</v>
      </c>
      <c r="BC13" s="15">
        <v>405352</v>
      </c>
      <c r="BD13" s="15">
        <v>0</v>
      </c>
      <c r="BE13" s="15">
        <v>0</v>
      </c>
      <c r="BF13" s="15">
        <v>33120</v>
      </c>
      <c r="BG13" s="15">
        <v>0</v>
      </c>
      <c r="BH13" s="15">
        <v>0</v>
      </c>
      <c r="BI13" s="15">
        <v>0</v>
      </c>
      <c r="BJ13" s="15">
        <v>0</v>
      </c>
      <c r="BK13" s="15">
        <v>2574112</v>
      </c>
      <c r="BL13" s="15">
        <v>499731</v>
      </c>
      <c r="BM13" s="15">
        <v>2366677</v>
      </c>
      <c r="BN13" s="15">
        <v>0</v>
      </c>
      <c r="BO13" s="15">
        <v>5633420</v>
      </c>
      <c r="BP13" s="15">
        <v>3680229</v>
      </c>
      <c r="BQ13" s="15">
        <v>1202272</v>
      </c>
      <c r="BR13" s="15">
        <v>1131700</v>
      </c>
      <c r="BS13" s="15">
        <v>331237</v>
      </c>
      <c r="BT13" s="15">
        <v>0</v>
      </c>
      <c r="BU13" s="15">
        <v>10644</v>
      </c>
      <c r="BV13" s="15">
        <v>87342</v>
      </c>
      <c r="BW13" s="15">
        <v>0</v>
      </c>
      <c r="BX13" s="15">
        <v>0</v>
      </c>
      <c r="BY13" s="15">
        <v>87342</v>
      </c>
      <c r="BZ13" s="15">
        <v>4400</v>
      </c>
      <c r="CA13" s="15">
        <v>0</v>
      </c>
      <c r="CB13" s="15">
        <v>0</v>
      </c>
      <c r="CC13" s="15">
        <v>912634</v>
      </c>
      <c r="CD13" s="15">
        <v>1953191</v>
      </c>
      <c r="CE13" s="15">
        <v>8168</v>
      </c>
      <c r="CF13" s="15">
        <v>0</v>
      </c>
      <c r="CG13" s="15">
        <v>0</v>
      </c>
      <c r="CH13" s="15">
        <v>1945023</v>
      </c>
      <c r="CI13" s="15">
        <v>284105</v>
      </c>
      <c r="CJ13" s="15">
        <v>262085</v>
      </c>
      <c r="CK13" s="15">
        <v>22020</v>
      </c>
      <c r="CL13" s="15">
        <v>20904</v>
      </c>
      <c r="CM13" s="15">
        <v>0</v>
      </c>
      <c r="CN13" s="15">
        <v>1116</v>
      </c>
      <c r="CO13" s="15">
        <v>1101593</v>
      </c>
      <c r="CP13" s="15">
        <v>1051863</v>
      </c>
      <c r="CQ13" s="15">
        <v>17612</v>
      </c>
      <c r="CR13" s="15">
        <v>32118</v>
      </c>
      <c r="CS13" s="15">
        <v>2269831</v>
      </c>
      <c r="CT13" s="15">
        <v>5317623</v>
      </c>
      <c r="CU13" s="15">
        <v>5132299</v>
      </c>
      <c r="CV13" s="15">
        <v>185324</v>
      </c>
      <c r="CW13" s="15">
        <v>2510208</v>
      </c>
      <c r="CX13" s="15">
        <v>40796</v>
      </c>
      <c r="CY13" s="15">
        <v>0</v>
      </c>
      <c r="CZ13" s="15">
        <v>0</v>
      </c>
      <c r="DA13" s="15">
        <v>659043</v>
      </c>
      <c r="DB13" s="15">
        <v>3026</v>
      </c>
      <c r="DC13" s="15">
        <v>3026</v>
      </c>
      <c r="DD13" s="15">
        <v>0</v>
      </c>
      <c r="DE13" s="15">
        <v>150000</v>
      </c>
      <c r="DF13" s="15">
        <v>1657343</v>
      </c>
      <c r="DG13" s="15">
        <v>0</v>
      </c>
      <c r="DH13" s="15">
        <v>0</v>
      </c>
      <c r="DI13" s="15">
        <v>1657343</v>
      </c>
      <c r="DJ13" s="15">
        <v>6231985</v>
      </c>
      <c r="DK13" s="15">
        <v>89578834</v>
      </c>
    </row>
    <row r="14" spans="1:115" s="13" customFormat="1" ht="17.25" customHeight="1">
      <c r="A14" s="6" t="s">
        <v>199</v>
      </c>
      <c r="B14" s="15">
        <v>39181460</v>
      </c>
      <c r="C14" s="15">
        <v>399334</v>
      </c>
      <c r="D14" s="15">
        <v>91506</v>
      </c>
      <c r="E14" s="15">
        <v>0</v>
      </c>
      <c r="F14" s="15">
        <v>0</v>
      </c>
      <c r="G14" s="15">
        <v>280032</v>
      </c>
      <c r="H14" s="15">
        <v>0</v>
      </c>
      <c r="I14" s="15">
        <v>27796</v>
      </c>
      <c r="J14" s="15">
        <v>19906</v>
      </c>
      <c r="K14" s="15">
        <v>455460</v>
      </c>
      <c r="L14" s="15">
        <v>653507</v>
      </c>
      <c r="M14" s="15">
        <v>0</v>
      </c>
      <c r="N14" s="15">
        <v>5408493</v>
      </c>
      <c r="O14" s="15">
        <v>51839</v>
      </c>
      <c r="P14" s="15">
        <v>0</v>
      </c>
      <c r="Q14" s="15">
        <v>0</v>
      </c>
      <c r="R14" s="15">
        <v>108913</v>
      </c>
      <c r="S14" s="15">
        <v>403112</v>
      </c>
      <c r="T14" s="15">
        <v>1491122</v>
      </c>
      <c r="U14" s="15">
        <v>4456209</v>
      </c>
      <c r="V14" s="15">
        <v>4170551</v>
      </c>
      <c r="W14" s="24">
        <v>285658</v>
      </c>
      <c r="X14" s="15">
        <v>0</v>
      </c>
      <c r="Y14" s="15">
        <v>19428</v>
      </c>
      <c r="Z14" s="15">
        <v>1334411</v>
      </c>
      <c r="AA14" s="15">
        <v>716928</v>
      </c>
      <c r="AB14" s="15">
        <v>617483</v>
      </c>
      <c r="AC14" s="15">
        <v>516764</v>
      </c>
      <c r="AD14" s="15">
        <v>0</v>
      </c>
      <c r="AE14" s="15">
        <v>0</v>
      </c>
      <c r="AF14" s="15">
        <v>0</v>
      </c>
      <c r="AG14" s="15">
        <v>0</v>
      </c>
      <c r="AH14" s="15">
        <v>112180</v>
      </c>
      <c r="AI14" s="15">
        <v>126840</v>
      </c>
      <c r="AJ14" s="15">
        <v>277744</v>
      </c>
      <c r="AK14" s="15">
        <v>1146738</v>
      </c>
      <c r="AL14" s="15">
        <v>35086</v>
      </c>
      <c r="AM14" s="15">
        <v>1111652</v>
      </c>
      <c r="AN14" s="15">
        <v>18822585</v>
      </c>
      <c r="AO14" s="15">
        <v>0</v>
      </c>
      <c r="AP14" s="15">
        <v>3236166</v>
      </c>
      <c r="AQ14" s="15">
        <v>4753941</v>
      </c>
      <c r="AR14" s="15">
        <v>2092640</v>
      </c>
      <c r="AS14" s="15">
        <v>2855817</v>
      </c>
      <c r="AT14" s="15">
        <v>0</v>
      </c>
      <c r="AU14" s="15">
        <v>109235</v>
      </c>
      <c r="AV14" s="15">
        <v>0</v>
      </c>
      <c r="AW14" s="15">
        <v>0</v>
      </c>
      <c r="AX14" s="15">
        <v>61685</v>
      </c>
      <c r="AY14" s="15">
        <v>0</v>
      </c>
      <c r="AZ14" s="15">
        <v>0</v>
      </c>
      <c r="BA14" s="15">
        <v>61685</v>
      </c>
      <c r="BB14" s="15">
        <v>0</v>
      </c>
      <c r="BC14" s="15">
        <v>449146</v>
      </c>
      <c r="BD14" s="15">
        <v>0</v>
      </c>
      <c r="BE14" s="15">
        <v>0</v>
      </c>
      <c r="BF14" s="15">
        <v>0</v>
      </c>
      <c r="BG14" s="15">
        <v>0</v>
      </c>
      <c r="BH14" s="15">
        <v>0</v>
      </c>
      <c r="BI14" s="15">
        <v>0</v>
      </c>
      <c r="BJ14" s="15">
        <v>0</v>
      </c>
      <c r="BK14" s="15">
        <v>2660984</v>
      </c>
      <c r="BL14" s="15">
        <v>70604</v>
      </c>
      <c r="BM14" s="15">
        <v>2532367</v>
      </c>
      <c r="BN14" s="15">
        <v>0</v>
      </c>
      <c r="BO14" s="15">
        <v>6901753</v>
      </c>
      <c r="BP14" s="15">
        <v>4467379</v>
      </c>
      <c r="BQ14" s="15">
        <v>2010633</v>
      </c>
      <c r="BR14" s="15">
        <v>1030996</v>
      </c>
      <c r="BS14" s="15">
        <v>482710</v>
      </c>
      <c r="BT14" s="15">
        <v>332</v>
      </c>
      <c r="BU14" s="15">
        <v>0</v>
      </c>
      <c r="BV14" s="15">
        <v>117272</v>
      </c>
      <c r="BW14" s="15">
        <v>0</v>
      </c>
      <c r="BX14" s="15">
        <v>0</v>
      </c>
      <c r="BY14" s="15">
        <v>117272</v>
      </c>
      <c r="BZ14" s="15">
        <v>0</v>
      </c>
      <c r="CA14" s="15">
        <v>0</v>
      </c>
      <c r="CB14" s="15">
        <v>0</v>
      </c>
      <c r="CC14" s="15">
        <v>825436</v>
      </c>
      <c r="CD14" s="15">
        <v>2434374</v>
      </c>
      <c r="CE14" s="15">
        <v>0</v>
      </c>
      <c r="CF14" s="15">
        <v>0</v>
      </c>
      <c r="CG14" s="15">
        <v>0</v>
      </c>
      <c r="CH14" s="15">
        <v>2434374</v>
      </c>
      <c r="CI14" s="15">
        <v>222817</v>
      </c>
      <c r="CJ14" s="15">
        <v>203945</v>
      </c>
      <c r="CK14" s="15">
        <v>18872</v>
      </c>
      <c r="CL14" s="15">
        <v>16988</v>
      </c>
      <c r="CM14" s="15">
        <v>0</v>
      </c>
      <c r="CN14" s="15">
        <v>1884</v>
      </c>
      <c r="CO14" s="15">
        <v>167354</v>
      </c>
      <c r="CP14" s="15">
        <v>135990</v>
      </c>
      <c r="CQ14" s="15">
        <v>20400</v>
      </c>
      <c r="CR14" s="15">
        <v>10964</v>
      </c>
      <c r="CS14" s="15">
        <v>925227</v>
      </c>
      <c r="CT14" s="15">
        <v>6877326</v>
      </c>
      <c r="CU14" s="15">
        <v>6479134</v>
      </c>
      <c r="CV14" s="15">
        <v>398192</v>
      </c>
      <c r="CW14" s="15">
        <v>4037929</v>
      </c>
      <c r="CX14" s="15">
        <v>42285</v>
      </c>
      <c r="CY14" s="15">
        <v>5</v>
      </c>
      <c r="CZ14" s="15">
        <v>0</v>
      </c>
      <c r="DA14" s="15">
        <v>1808947</v>
      </c>
      <c r="DB14" s="15">
        <v>702939</v>
      </c>
      <c r="DC14" s="15">
        <v>702939</v>
      </c>
      <c r="DD14" s="15">
        <v>0</v>
      </c>
      <c r="DE14" s="15">
        <v>0</v>
      </c>
      <c r="DF14" s="15">
        <v>1483753</v>
      </c>
      <c r="DG14" s="15">
        <v>0</v>
      </c>
      <c r="DH14" s="15">
        <v>0</v>
      </c>
      <c r="DI14" s="15">
        <v>1483753</v>
      </c>
      <c r="DJ14" s="15">
        <v>10947099</v>
      </c>
      <c r="DK14" s="15">
        <v>104548786</v>
      </c>
    </row>
    <row r="15" spans="1:115" s="13" customFormat="1" ht="17.25" customHeight="1">
      <c r="A15" s="6" t="s">
        <v>200</v>
      </c>
      <c r="B15" s="15">
        <v>9894751</v>
      </c>
      <c r="C15" s="15">
        <v>101966</v>
      </c>
      <c r="D15" s="15">
        <v>23301</v>
      </c>
      <c r="E15" s="15">
        <v>0</v>
      </c>
      <c r="F15" s="15">
        <v>0</v>
      </c>
      <c r="G15" s="15">
        <v>71310</v>
      </c>
      <c r="H15" s="15">
        <v>0</v>
      </c>
      <c r="I15" s="15">
        <v>7355</v>
      </c>
      <c r="J15" s="15">
        <v>5935</v>
      </c>
      <c r="K15" s="15">
        <v>135794</v>
      </c>
      <c r="L15" s="15">
        <v>194825</v>
      </c>
      <c r="M15" s="15">
        <v>0</v>
      </c>
      <c r="N15" s="15">
        <v>1277721</v>
      </c>
      <c r="O15" s="15">
        <v>0</v>
      </c>
      <c r="P15" s="15">
        <v>0</v>
      </c>
      <c r="Q15" s="15">
        <v>0</v>
      </c>
      <c r="R15" s="15">
        <v>27787</v>
      </c>
      <c r="S15" s="15">
        <v>97019</v>
      </c>
      <c r="T15" s="15">
        <v>309215</v>
      </c>
      <c r="U15" s="15">
        <v>2553329</v>
      </c>
      <c r="V15" s="15">
        <v>2481236</v>
      </c>
      <c r="W15" s="24">
        <v>72035</v>
      </c>
      <c r="X15" s="15">
        <v>58</v>
      </c>
      <c r="Y15" s="15">
        <v>6159</v>
      </c>
      <c r="Z15" s="15">
        <v>380265</v>
      </c>
      <c r="AA15" s="15">
        <v>273300</v>
      </c>
      <c r="AB15" s="15">
        <v>106965</v>
      </c>
      <c r="AC15" s="15">
        <v>106941</v>
      </c>
      <c r="AD15" s="15">
        <v>0</v>
      </c>
      <c r="AE15" s="15">
        <v>0</v>
      </c>
      <c r="AF15" s="15">
        <v>0</v>
      </c>
      <c r="AG15" s="15">
        <v>0</v>
      </c>
      <c r="AH15" s="15">
        <v>23509</v>
      </c>
      <c r="AI15" s="15">
        <v>36510</v>
      </c>
      <c r="AJ15" s="15">
        <v>46922</v>
      </c>
      <c r="AK15" s="15">
        <v>210568</v>
      </c>
      <c r="AL15" s="15">
        <v>11815</v>
      </c>
      <c r="AM15" s="15">
        <v>198753</v>
      </c>
      <c r="AN15" s="15">
        <v>4113141</v>
      </c>
      <c r="AO15" s="15">
        <v>0</v>
      </c>
      <c r="AP15" s="15">
        <v>616982</v>
      </c>
      <c r="AQ15" s="15">
        <v>756404</v>
      </c>
      <c r="AR15" s="15">
        <v>532561</v>
      </c>
      <c r="AS15" s="15">
        <v>552283</v>
      </c>
      <c r="AT15" s="15">
        <v>0</v>
      </c>
      <c r="AU15" s="15">
        <v>34741</v>
      </c>
      <c r="AV15" s="15">
        <v>0</v>
      </c>
      <c r="AW15" s="15">
        <v>0</v>
      </c>
      <c r="AX15" s="15">
        <v>15456</v>
      </c>
      <c r="AY15" s="15">
        <v>0</v>
      </c>
      <c r="AZ15" s="15">
        <v>0</v>
      </c>
      <c r="BA15" s="15">
        <v>15456</v>
      </c>
      <c r="BB15" s="15">
        <v>0</v>
      </c>
      <c r="BC15" s="15">
        <v>26368</v>
      </c>
      <c r="BD15" s="15">
        <v>78746</v>
      </c>
      <c r="BE15" s="15">
        <v>0</v>
      </c>
      <c r="BF15" s="15">
        <v>18139</v>
      </c>
      <c r="BG15" s="15">
        <v>0</v>
      </c>
      <c r="BH15" s="15">
        <v>0</v>
      </c>
      <c r="BI15" s="15">
        <v>0</v>
      </c>
      <c r="BJ15" s="15">
        <v>0</v>
      </c>
      <c r="BK15" s="15">
        <v>813709</v>
      </c>
      <c r="BL15" s="15">
        <v>52060</v>
      </c>
      <c r="BM15" s="15">
        <v>615692</v>
      </c>
      <c r="BN15" s="15">
        <v>287611</v>
      </c>
      <c r="BO15" s="15">
        <v>1571517</v>
      </c>
      <c r="BP15" s="15">
        <v>995382</v>
      </c>
      <c r="BQ15" s="15">
        <v>381472</v>
      </c>
      <c r="BR15" s="15">
        <v>255685</v>
      </c>
      <c r="BS15" s="15">
        <v>94031</v>
      </c>
      <c r="BT15" s="15">
        <v>0</v>
      </c>
      <c r="BU15" s="15">
        <v>0</v>
      </c>
      <c r="BV15" s="15">
        <v>24136</v>
      </c>
      <c r="BW15" s="15">
        <v>0</v>
      </c>
      <c r="BX15" s="15">
        <v>0</v>
      </c>
      <c r="BY15" s="15">
        <v>24136</v>
      </c>
      <c r="BZ15" s="15">
        <v>0</v>
      </c>
      <c r="CA15" s="15">
        <v>0</v>
      </c>
      <c r="CB15" s="15">
        <v>0</v>
      </c>
      <c r="CC15" s="15">
        <v>240058</v>
      </c>
      <c r="CD15" s="15">
        <v>576135</v>
      </c>
      <c r="CE15" s="15">
        <v>0</v>
      </c>
      <c r="CF15" s="15">
        <v>0</v>
      </c>
      <c r="CG15" s="15">
        <v>0</v>
      </c>
      <c r="CH15" s="15">
        <v>576135</v>
      </c>
      <c r="CI15" s="15">
        <v>39283</v>
      </c>
      <c r="CJ15" s="15">
        <v>30318</v>
      </c>
      <c r="CK15" s="15">
        <v>8965</v>
      </c>
      <c r="CL15" s="15">
        <v>8922</v>
      </c>
      <c r="CM15" s="15">
        <v>0</v>
      </c>
      <c r="CN15" s="15">
        <v>43</v>
      </c>
      <c r="CO15" s="15">
        <v>329562</v>
      </c>
      <c r="CP15" s="15">
        <v>320026</v>
      </c>
      <c r="CQ15" s="15">
        <v>6100</v>
      </c>
      <c r="CR15" s="15">
        <v>3436</v>
      </c>
      <c r="CS15" s="15">
        <v>1851106</v>
      </c>
      <c r="CT15" s="15">
        <v>1501066</v>
      </c>
      <c r="CU15" s="15">
        <v>1415444</v>
      </c>
      <c r="CV15" s="15">
        <v>85622</v>
      </c>
      <c r="CW15" s="15">
        <v>244145</v>
      </c>
      <c r="CX15" s="15">
        <v>8018</v>
      </c>
      <c r="CY15" s="15">
        <v>168</v>
      </c>
      <c r="CZ15" s="15">
        <v>0</v>
      </c>
      <c r="DA15" s="15">
        <v>20000</v>
      </c>
      <c r="DB15" s="15">
        <v>0</v>
      </c>
      <c r="DC15" s="15">
        <v>0</v>
      </c>
      <c r="DD15" s="15">
        <v>0</v>
      </c>
      <c r="DE15" s="15">
        <v>0</v>
      </c>
      <c r="DF15" s="15">
        <v>215959</v>
      </c>
      <c r="DG15" s="15">
        <v>0</v>
      </c>
      <c r="DH15" s="15">
        <v>0</v>
      </c>
      <c r="DI15" s="15">
        <v>215959</v>
      </c>
      <c r="DJ15" s="15">
        <v>1041110</v>
      </c>
      <c r="DK15" s="15">
        <v>26280816</v>
      </c>
    </row>
    <row r="16" spans="1:115" s="13" customFormat="1" ht="17.25" customHeight="1">
      <c r="A16" s="6" t="s">
        <v>201</v>
      </c>
      <c r="B16" s="15">
        <v>5322031</v>
      </c>
      <c r="C16" s="15">
        <v>114290</v>
      </c>
      <c r="D16" s="15">
        <v>26976</v>
      </c>
      <c r="E16" s="15">
        <v>0</v>
      </c>
      <c r="F16" s="15">
        <v>0</v>
      </c>
      <c r="G16" s="15">
        <v>82558</v>
      </c>
      <c r="H16" s="15">
        <v>0</v>
      </c>
      <c r="I16" s="15">
        <v>4756</v>
      </c>
      <c r="J16" s="15">
        <v>2468</v>
      </c>
      <c r="K16" s="15">
        <v>56311</v>
      </c>
      <c r="L16" s="15">
        <v>80505</v>
      </c>
      <c r="M16" s="15">
        <v>0</v>
      </c>
      <c r="N16" s="15">
        <v>983204</v>
      </c>
      <c r="O16" s="15">
        <v>0</v>
      </c>
      <c r="P16" s="15">
        <v>0</v>
      </c>
      <c r="Q16" s="15">
        <v>0</v>
      </c>
      <c r="R16" s="15">
        <v>32070</v>
      </c>
      <c r="S16" s="15">
        <v>91200</v>
      </c>
      <c r="T16" s="15">
        <v>194222</v>
      </c>
      <c r="U16" s="15">
        <v>5479022</v>
      </c>
      <c r="V16" s="15">
        <v>4442020</v>
      </c>
      <c r="W16" s="24">
        <v>1037002</v>
      </c>
      <c r="X16" s="15">
        <v>0</v>
      </c>
      <c r="Y16" s="15">
        <v>4948</v>
      </c>
      <c r="Z16" s="15">
        <v>44819</v>
      </c>
      <c r="AA16" s="15">
        <v>30681</v>
      </c>
      <c r="AB16" s="15">
        <v>14138</v>
      </c>
      <c r="AC16" s="15">
        <v>64974</v>
      </c>
      <c r="AD16" s="15">
        <v>0</v>
      </c>
      <c r="AE16" s="15">
        <v>0</v>
      </c>
      <c r="AF16" s="15">
        <v>0</v>
      </c>
      <c r="AG16" s="15">
        <v>0</v>
      </c>
      <c r="AH16" s="15">
        <v>0</v>
      </c>
      <c r="AI16" s="15">
        <v>19257</v>
      </c>
      <c r="AJ16" s="15">
        <v>45717</v>
      </c>
      <c r="AK16" s="15">
        <v>100147</v>
      </c>
      <c r="AL16" s="15">
        <v>7666</v>
      </c>
      <c r="AM16" s="15">
        <v>92481</v>
      </c>
      <c r="AN16" s="15">
        <v>3793354</v>
      </c>
      <c r="AO16" s="15">
        <v>0</v>
      </c>
      <c r="AP16" s="15">
        <v>1037374</v>
      </c>
      <c r="AQ16" s="15">
        <v>308248</v>
      </c>
      <c r="AR16" s="15">
        <v>504407</v>
      </c>
      <c r="AS16" s="15">
        <v>324430</v>
      </c>
      <c r="AT16" s="15">
        <v>0</v>
      </c>
      <c r="AU16" s="15">
        <v>0</v>
      </c>
      <c r="AV16" s="15">
        <v>0</v>
      </c>
      <c r="AW16" s="15">
        <v>0</v>
      </c>
      <c r="AX16" s="15">
        <v>15737</v>
      </c>
      <c r="AY16" s="15">
        <v>0</v>
      </c>
      <c r="AZ16" s="15">
        <v>0</v>
      </c>
      <c r="BA16" s="15">
        <v>15737</v>
      </c>
      <c r="BB16" s="15">
        <v>0</v>
      </c>
      <c r="BC16" s="15">
        <v>476260</v>
      </c>
      <c r="BD16" s="15">
        <v>0</v>
      </c>
      <c r="BE16" s="15">
        <v>0</v>
      </c>
      <c r="BF16" s="15">
        <v>14650</v>
      </c>
      <c r="BG16" s="15">
        <v>0</v>
      </c>
      <c r="BH16" s="15">
        <v>0</v>
      </c>
      <c r="BI16" s="15">
        <v>0</v>
      </c>
      <c r="BJ16" s="15">
        <v>0</v>
      </c>
      <c r="BK16" s="15">
        <v>690810</v>
      </c>
      <c r="BL16" s="15">
        <v>2855</v>
      </c>
      <c r="BM16" s="15">
        <v>418583</v>
      </c>
      <c r="BN16" s="15">
        <v>0</v>
      </c>
      <c r="BO16" s="15">
        <v>1168889</v>
      </c>
      <c r="BP16" s="15">
        <v>640487</v>
      </c>
      <c r="BQ16" s="15">
        <v>126808</v>
      </c>
      <c r="BR16" s="15">
        <v>249173</v>
      </c>
      <c r="BS16" s="15">
        <v>57195</v>
      </c>
      <c r="BT16" s="15">
        <v>6058</v>
      </c>
      <c r="BU16" s="15">
        <v>0</v>
      </c>
      <c r="BV16" s="15">
        <v>37450</v>
      </c>
      <c r="BW16" s="15">
        <v>0</v>
      </c>
      <c r="BX16" s="15">
        <v>0</v>
      </c>
      <c r="BY16" s="15">
        <v>37450</v>
      </c>
      <c r="BZ16" s="15">
        <v>0</v>
      </c>
      <c r="CA16" s="15">
        <v>0</v>
      </c>
      <c r="CB16" s="15">
        <v>0</v>
      </c>
      <c r="CC16" s="15">
        <v>163803</v>
      </c>
      <c r="CD16" s="15">
        <v>528402</v>
      </c>
      <c r="CE16" s="15">
        <v>0</v>
      </c>
      <c r="CF16" s="15">
        <v>0</v>
      </c>
      <c r="CG16" s="15">
        <v>0</v>
      </c>
      <c r="CH16" s="15">
        <v>528402</v>
      </c>
      <c r="CI16" s="15">
        <v>59595</v>
      </c>
      <c r="CJ16" s="15">
        <v>54097</v>
      </c>
      <c r="CK16" s="15">
        <v>5498</v>
      </c>
      <c r="CL16" s="15">
        <v>5410</v>
      </c>
      <c r="CM16" s="15">
        <v>0</v>
      </c>
      <c r="CN16" s="15">
        <v>88</v>
      </c>
      <c r="CO16" s="15">
        <v>675356</v>
      </c>
      <c r="CP16" s="15">
        <v>649404</v>
      </c>
      <c r="CQ16" s="15">
        <v>23400</v>
      </c>
      <c r="CR16" s="15">
        <v>2552</v>
      </c>
      <c r="CS16" s="15">
        <v>1030838</v>
      </c>
      <c r="CT16" s="15">
        <v>290673</v>
      </c>
      <c r="CU16" s="15">
        <v>135495</v>
      </c>
      <c r="CV16" s="15">
        <v>155178</v>
      </c>
      <c r="CW16" s="15">
        <v>341270</v>
      </c>
      <c r="CX16" s="15">
        <v>44860</v>
      </c>
      <c r="CY16" s="15">
        <v>1921</v>
      </c>
      <c r="CZ16" s="15">
        <v>0</v>
      </c>
      <c r="DA16" s="15">
        <v>14079</v>
      </c>
      <c r="DB16" s="15">
        <v>0</v>
      </c>
      <c r="DC16" s="15">
        <v>0</v>
      </c>
      <c r="DD16" s="15">
        <v>0</v>
      </c>
      <c r="DE16" s="15">
        <v>0</v>
      </c>
      <c r="DF16" s="15">
        <v>280410</v>
      </c>
      <c r="DG16" s="15">
        <v>0</v>
      </c>
      <c r="DH16" s="15">
        <v>0</v>
      </c>
      <c r="DI16" s="15">
        <v>280410</v>
      </c>
      <c r="DJ16" s="15">
        <v>1748492</v>
      </c>
      <c r="DK16" s="15">
        <v>21678678</v>
      </c>
    </row>
    <row r="17" spans="1:115" s="13" customFormat="1" ht="17.25" customHeight="1">
      <c r="A17" s="6" t="s">
        <v>202</v>
      </c>
      <c r="B17" s="15">
        <v>22325079</v>
      </c>
      <c r="C17" s="15">
        <v>372782</v>
      </c>
      <c r="D17" s="15">
        <v>82886</v>
      </c>
      <c r="E17" s="15">
        <v>0</v>
      </c>
      <c r="F17" s="15">
        <v>0</v>
      </c>
      <c r="G17" s="15">
        <v>253655</v>
      </c>
      <c r="H17" s="15">
        <v>0</v>
      </c>
      <c r="I17" s="15">
        <v>36241</v>
      </c>
      <c r="J17" s="15">
        <v>10436</v>
      </c>
      <c r="K17" s="15">
        <v>238204</v>
      </c>
      <c r="L17" s="15">
        <v>340872</v>
      </c>
      <c r="M17" s="15">
        <v>0</v>
      </c>
      <c r="N17" s="15">
        <v>3802725</v>
      </c>
      <c r="O17" s="15">
        <v>96538</v>
      </c>
      <c r="P17" s="15">
        <v>0</v>
      </c>
      <c r="Q17" s="15">
        <v>0</v>
      </c>
      <c r="R17" s="15">
        <v>99049</v>
      </c>
      <c r="S17" s="15">
        <v>355289</v>
      </c>
      <c r="T17" s="15">
        <v>875260</v>
      </c>
      <c r="U17" s="15">
        <v>6500965</v>
      </c>
      <c r="V17" s="15">
        <v>6355374</v>
      </c>
      <c r="W17" s="24">
        <v>145591</v>
      </c>
      <c r="X17" s="15">
        <v>0</v>
      </c>
      <c r="Y17" s="15">
        <v>16649</v>
      </c>
      <c r="Z17" s="15">
        <v>275042</v>
      </c>
      <c r="AA17" s="15">
        <v>7523</v>
      </c>
      <c r="AB17" s="15">
        <v>267519</v>
      </c>
      <c r="AC17" s="15">
        <v>417591</v>
      </c>
      <c r="AD17" s="15">
        <v>0</v>
      </c>
      <c r="AE17" s="15">
        <v>0</v>
      </c>
      <c r="AF17" s="15">
        <v>0</v>
      </c>
      <c r="AG17" s="15">
        <v>0</v>
      </c>
      <c r="AH17" s="15">
        <v>57567</v>
      </c>
      <c r="AI17" s="15">
        <v>36134</v>
      </c>
      <c r="AJ17" s="15">
        <v>323890</v>
      </c>
      <c r="AK17" s="15">
        <v>151043</v>
      </c>
      <c r="AL17" s="15">
        <v>21772</v>
      </c>
      <c r="AM17" s="15">
        <v>129271</v>
      </c>
      <c r="AN17" s="15">
        <v>13882691</v>
      </c>
      <c r="AO17" s="15">
        <v>0</v>
      </c>
      <c r="AP17" s="15">
        <v>2983845</v>
      </c>
      <c r="AQ17" s="15">
        <v>1992734</v>
      </c>
      <c r="AR17" s="15">
        <v>2157185</v>
      </c>
      <c r="AS17" s="15">
        <v>1676318</v>
      </c>
      <c r="AT17" s="15">
        <v>0</v>
      </c>
      <c r="AU17" s="15">
        <v>264723</v>
      </c>
      <c r="AV17" s="15">
        <v>0</v>
      </c>
      <c r="AW17" s="15">
        <v>0</v>
      </c>
      <c r="AX17" s="15">
        <v>46669</v>
      </c>
      <c r="AY17" s="15">
        <v>0</v>
      </c>
      <c r="AZ17" s="15">
        <v>0</v>
      </c>
      <c r="BA17" s="15">
        <v>46669</v>
      </c>
      <c r="BB17" s="15">
        <v>0</v>
      </c>
      <c r="BC17" s="15">
        <v>232342</v>
      </c>
      <c r="BD17" s="15">
        <v>0</v>
      </c>
      <c r="BE17" s="15">
        <v>0</v>
      </c>
      <c r="BF17" s="15">
        <v>81162</v>
      </c>
      <c r="BG17" s="15">
        <v>0</v>
      </c>
      <c r="BH17" s="15">
        <v>0</v>
      </c>
      <c r="BI17" s="15">
        <v>0</v>
      </c>
      <c r="BJ17" s="15">
        <v>0</v>
      </c>
      <c r="BK17" s="15">
        <v>2588223</v>
      </c>
      <c r="BL17" s="15">
        <v>155216</v>
      </c>
      <c r="BM17" s="15">
        <v>1704274</v>
      </c>
      <c r="BN17" s="15">
        <v>0</v>
      </c>
      <c r="BO17" s="15">
        <v>4691020</v>
      </c>
      <c r="BP17" s="15">
        <v>2942304</v>
      </c>
      <c r="BQ17" s="15">
        <v>845258</v>
      </c>
      <c r="BR17" s="15">
        <v>1053577</v>
      </c>
      <c r="BS17" s="15">
        <v>289061</v>
      </c>
      <c r="BT17" s="15">
        <v>878</v>
      </c>
      <c r="BU17" s="15">
        <v>0</v>
      </c>
      <c r="BV17" s="15">
        <v>66020</v>
      </c>
      <c r="BW17" s="15">
        <v>0</v>
      </c>
      <c r="BX17" s="15">
        <v>0</v>
      </c>
      <c r="BY17" s="15">
        <v>66020</v>
      </c>
      <c r="BZ17" s="15">
        <v>0</v>
      </c>
      <c r="CA17" s="15">
        <v>0</v>
      </c>
      <c r="CB17" s="15">
        <v>0</v>
      </c>
      <c r="CC17" s="15">
        <v>687510</v>
      </c>
      <c r="CD17" s="15">
        <v>1748716</v>
      </c>
      <c r="CE17" s="15">
        <v>0</v>
      </c>
      <c r="CF17" s="15">
        <v>0</v>
      </c>
      <c r="CG17" s="15">
        <v>0</v>
      </c>
      <c r="CH17" s="15">
        <v>1748716</v>
      </c>
      <c r="CI17" s="15">
        <v>74716</v>
      </c>
      <c r="CJ17" s="15">
        <v>46602</v>
      </c>
      <c r="CK17" s="15">
        <v>28114</v>
      </c>
      <c r="CL17" s="15">
        <v>25054</v>
      </c>
      <c r="CM17" s="15">
        <v>0</v>
      </c>
      <c r="CN17" s="15">
        <v>3060</v>
      </c>
      <c r="CO17" s="15">
        <v>286147</v>
      </c>
      <c r="CP17" s="15">
        <v>256118</v>
      </c>
      <c r="CQ17" s="15">
        <v>14400</v>
      </c>
      <c r="CR17" s="15">
        <v>15629</v>
      </c>
      <c r="CS17" s="15">
        <v>1777779</v>
      </c>
      <c r="CT17" s="15">
        <v>1552033</v>
      </c>
      <c r="CU17" s="15">
        <v>1506489</v>
      </c>
      <c r="CV17" s="15">
        <v>45544</v>
      </c>
      <c r="CW17" s="15">
        <v>2086357</v>
      </c>
      <c r="CX17" s="15">
        <v>27235</v>
      </c>
      <c r="CY17" s="15">
        <v>5</v>
      </c>
      <c r="CZ17" s="15">
        <v>0</v>
      </c>
      <c r="DA17" s="15">
        <v>375059</v>
      </c>
      <c r="DB17" s="15">
        <v>375503</v>
      </c>
      <c r="DC17" s="15">
        <v>375377</v>
      </c>
      <c r="DD17" s="15">
        <v>126</v>
      </c>
      <c r="DE17" s="15">
        <v>0</v>
      </c>
      <c r="DF17" s="15">
        <v>1308555</v>
      </c>
      <c r="DG17" s="15">
        <v>0</v>
      </c>
      <c r="DH17" s="15">
        <v>0</v>
      </c>
      <c r="DI17" s="15">
        <v>1308555</v>
      </c>
      <c r="DJ17" s="15">
        <v>2461300</v>
      </c>
      <c r="DK17" s="15">
        <v>62689567</v>
      </c>
    </row>
    <row r="18" spans="1:115" s="13" customFormat="1" ht="17.25" customHeight="1">
      <c r="A18" s="6" t="s">
        <v>203</v>
      </c>
      <c r="B18" s="15">
        <v>47704582</v>
      </c>
      <c r="C18" s="15">
        <v>541365</v>
      </c>
      <c r="D18" s="15">
        <v>125148</v>
      </c>
      <c r="E18" s="15">
        <v>0</v>
      </c>
      <c r="F18" s="15">
        <v>0</v>
      </c>
      <c r="G18" s="15">
        <v>382990</v>
      </c>
      <c r="H18" s="15">
        <v>0</v>
      </c>
      <c r="I18" s="15">
        <v>33227</v>
      </c>
      <c r="J18" s="15">
        <v>17412</v>
      </c>
      <c r="K18" s="15">
        <v>398052</v>
      </c>
      <c r="L18" s="15">
        <v>570612</v>
      </c>
      <c r="M18" s="15">
        <v>0</v>
      </c>
      <c r="N18" s="15">
        <v>6358101</v>
      </c>
      <c r="O18" s="15">
        <v>140788</v>
      </c>
      <c r="P18" s="15">
        <v>0</v>
      </c>
      <c r="Q18" s="15">
        <v>0</v>
      </c>
      <c r="R18" s="15">
        <v>149495</v>
      </c>
      <c r="S18" s="15">
        <v>1026697</v>
      </c>
      <c r="T18" s="15">
        <v>1256029</v>
      </c>
      <c r="U18" s="15">
        <v>98439</v>
      </c>
      <c r="V18" s="15">
        <v>0</v>
      </c>
      <c r="W18" s="24">
        <v>98439</v>
      </c>
      <c r="X18" s="15">
        <v>0</v>
      </c>
      <c r="Y18" s="15">
        <v>28109</v>
      </c>
      <c r="Z18" s="15">
        <v>881487</v>
      </c>
      <c r="AA18" s="15">
        <v>507631</v>
      </c>
      <c r="AB18" s="15">
        <v>373856</v>
      </c>
      <c r="AC18" s="15">
        <v>641502</v>
      </c>
      <c r="AD18" s="15">
        <v>0</v>
      </c>
      <c r="AE18" s="15">
        <v>0</v>
      </c>
      <c r="AF18" s="15">
        <v>0</v>
      </c>
      <c r="AG18" s="15">
        <v>0</v>
      </c>
      <c r="AH18" s="15">
        <v>27521</v>
      </c>
      <c r="AI18" s="15">
        <v>154287</v>
      </c>
      <c r="AJ18" s="15">
        <v>459694</v>
      </c>
      <c r="AK18" s="15">
        <v>565245</v>
      </c>
      <c r="AL18" s="15">
        <v>30399</v>
      </c>
      <c r="AM18" s="15">
        <v>534846</v>
      </c>
      <c r="AN18" s="15">
        <v>20389124</v>
      </c>
      <c r="AO18" s="15">
        <v>0</v>
      </c>
      <c r="AP18" s="15">
        <v>4623858</v>
      </c>
      <c r="AQ18" s="15">
        <v>4117838</v>
      </c>
      <c r="AR18" s="15">
        <v>2454150</v>
      </c>
      <c r="AS18" s="15">
        <v>2540451</v>
      </c>
      <c r="AT18" s="15">
        <v>0</v>
      </c>
      <c r="AU18" s="15">
        <v>664062</v>
      </c>
      <c r="AV18" s="15">
        <v>0</v>
      </c>
      <c r="AW18" s="15">
        <v>0</v>
      </c>
      <c r="AX18" s="15">
        <v>66173</v>
      </c>
      <c r="AY18" s="15">
        <v>0</v>
      </c>
      <c r="AZ18" s="15">
        <v>0</v>
      </c>
      <c r="BA18" s="15">
        <v>66173</v>
      </c>
      <c r="BB18" s="15">
        <v>0</v>
      </c>
      <c r="BC18" s="15">
        <v>162366</v>
      </c>
      <c r="BD18" s="15">
        <v>0</v>
      </c>
      <c r="BE18" s="15">
        <v>0</v>
      </c>
      <c r="BF18" s="15">
        <v>16458</v>
      </c>
      <c r="BG18" s="15">
        <v>0</v>
      </c>
      <c r="BH18" s="15">
        <v>0</v>
      </c>
      <c r="BI18" s="15">
        <v>0</v>
      </c>
      <c r="BJ18" s="15">
        <v>0</v>
      </c>
      <c r="BK18" s="15">
        <v>3369602</v>
      </c>
      <c r="BL18" s="15">
        <v>4771</v>
      </c>
      <c r="BM18" s="15">
        <v>2369395</v>
      </c>
      <c r="BN18" s="15">
        <v>0</v>
      </c>
      <c r="BO18" s="15">
        <v>6472817</v>
      </c>
      <c r="BP18" s="15">
        <v>4387700</v>
      </c>
      <c r="BQ18" s="15">
        <v>1761057</v>
      </c>
      <c r="BR18" s="15">
        <v>1221188</v>
      </c>
      <c r="BS18" s="15">
        <v>436783</v>
      </c>
      <c r="BT18" s="15">
        <v>0</v>
      </c>
      <c r="BU18" s="15">
        <v>0</v>
      </c>
      <c r="BV18" s="15">
        <v>95288</v>
      </c>
      <c r="BW18" s="15">
        <v>0</v>
      </c>
      <c r="BX18" s="15">
        <v>0</v>
      </c>
      <c r="BY18" s="15">
        <v>95288</v>
      </c>
      <c r="BZ18" s="15">
        <v>0</v>
      </c>
      <c r="CA18" s="15">
        <v>0</v>
      </c>
      <c r="CB18" s="15">
        <v>0</v>
      </c>
      <c r="CC18" s="15">
        <v>873384</v>
      </c>
      <c r="CD18" s="15">
        <v>2085117</v>
      </c>
      <c r="CE18" s="15">
        <v>0</v>
      </c>
      <c r="CF18" s="15">
        <v>0</v>
      </c>
      <c r="CG18" s="15">
        <v>0</v>
      </c>
      <c r="CH18" s="15">
        <v>2085117</v>
      </c>
      <c r="CI18" s="15">
        <v>1100237</v>
      </c>
      <c r="CJ18" s="15">
        <v>256654</v>
      </c>
      <c r="CK18" s="15">
        <v>843583</v>
      </c>
      <c r="CL18" s="15">
        <v>843298</v>
      </c>
      <c r="CM18" s="15">
        <v>0</v>
      </c>
      <c r="CN18" s="15">
        <v>285</v>
      </c>
      <c r="CO18" s="15">
        <v>1223131</v>
      </c>
      <c r="CP18" s="15">
        <v>1216138</v>
      </c>
      <c r="CQ18" s="15">
        <v>0</v>
      </c>
      <c r="CR18" s="15">
        <v>6993</v>
      </c>
      <c r="CS18" s="15">
        <v>3388375</v>
      </c>
      <c r="CT18" s="15">
        <v>5331971</v>
      </c>
      <c r="CU18" s="15">
        <v>3796887</v>
      </c>
      <c r="CV18" s="15">
        <v>1535084</v>
      </c>
      <c r="CW18" s="15">
        <v>3770479</v>
      </c>
      <c r="CX18" s="15">
        <v>50315</v>
      </c>
      <c r="CY18" s="15">
        <v>3218</v>
      </c>
      <c r="CZ18" s="15">
        <v>140290</v>
      </c>
      <c r="DA18" s="15">
        <v>1895668</v>
      </c>
      <c r="DB18" s="15">
        <v>0</v>
      </c>
      <c r="DC18" s="15">
        <v>0</v>
      </c>
      <c r="DD18" s="15">
        <v>0</v>
      </c>
      <c r="DE18" s="15">
        <v>0</v>
      </c>
      <c r="DF18" s="15">
        <v>1680988</v>
      </c>
      <c r="DG18" s="15">
        <v>0</v>
      </c>
      <c r="DH18" s="15">
        <v>0</v>
      </c>
      <c r="DI18" s="15">
        <v>1680988</v>
      </c>
      <c r="DJ18" s="15">
        <v>13025000</v>
      </c>
      <c r="DK18" s="15">
        <v>115079049</v>
      </c>
    </row>
    <row r="19" spans="1:115" s="13" customFormat="1" ht="17.25" customHeight="1">
      <c r="A19" s="6" t="s">
        <v>204</v>
      </c>
      <c r="B19" s="15">
        <v>38321558</v>
      </c>
      <c r="C19" s="15">
        <v>411665</v>
      </c>
      <c r="D19" s="15">
        <v>94631</v>
      </c>
      <c r="E19" s="15">
        <v>0</v>
      </c>
      <c r="F19" s="15">
        <v>0</v>
      </c>
      <c r="G19" s="15">
        <v>289595</v>
      </c>
      <c r="H19" s="15">
        <v>0</v>
      </c>
      <c r="I19" s="15">
        <v>27439</v>
      </c>
      <c r="J19" s="15">
        <v>19092</v>
      </c>
      <c r="K19" s="15">
        <v>437217</v>
      </c>
      <c r="L19" s="15">
        <v>627920</v>
      </c>
      <c r="M19" s="15">
        <v>0</v>
      </c>
      <c r="N19" s="15">
        <v>5586859</v>
      </c>
      <c r="O19" s="15">
        <v>12005</v>
      </c>
      <c r="P19" s="15">
        <v>0</v>
      </c>
      <c r="Q19" s="15">
        <v>0</v>
      </c>
      <c r="R19" s="15">
        <v>112960</v>
      </c>
      <c r="S19" s="15">
        <v>517381</v>
      </c>
      <c r="T19" s="15">
        <v>1496271</v>
      </c>
      <c r="U19" s="15">
        <v>3399257</v>
      </c>
      <c r="V19" s="15">
        <v>3089174</v>
      </c>
      <c r="W19" s="24">
        <v>310083</v>
      </c>
      <c r="X19" s="15">
        <v>0</v>
      </c>
      <c r="Y19" s="15">
        <v>26606</v>
      </c>
      <c r="Z19" s="15">
        <v>875628</v>
      </c>
      <c r="AA19" s="15">
        <v>78358</v>
      </c>
      <c r="AB19" s="15">
        <v>797270</v>
      </c>
      <c r="AC19" s="15">
        <v>634083</v>
      </c>
      <c r="AD19" s="15">
        <v>0</v>
      </c>
      <c r="AE19" s="15">
        <v>0</v>
      </c>
      <c r="AF19" s="15">
        <v>0</v>
      </c>
      <c r="AG19" s="15">
        <v>0</v>
      </c>
      <c r="AH19" s="15">
        <v>50315</v>
      </c>
      <c r="AI19" s="15">
        <v>201273</v>
      </c>
      <c r="AJ19" s="15">
        <v>382495</v>
      </c>
      <c r="AK19" s="15">
        <v>904223</v>
      </c>
      <c r="AL19" s="15">
        <v>31255</v>
      </c>
      <c r="AM19" s="15">
        <v>872968</v>
      </c>
      <c r="AN19" s="15">
        <v>23177464</v>
      </c>
      <c r="AO19" s="15">
        <v>0</v>
      </c>
      <c r="AP19" s="15">
        <v>5156907</v>
      </c>
      <c r="AQ19" s="15">
        <v>5014675</v>
      </c>
      <c r="AR19" s="15">
        <v>2682418</v>
      </c>
      <c r="AS19" s="15">
        <v>2916002</v>
      </c>
      <c r="AT19" s="15">
        <v>0</v>
      </c>
      <c r="AU19" s="15">
        <v>495071</v>
      </c>
      <c r="AV19" s="15">
        <v>0</v>
      </c>
      <c r="AW19" s="15">
        <v>0</v>
      </c>
      <c r="AX19" s="15">
        <v>70414</v>
      </c>
      <c r="AY19" s="15">
        <v>0</v>
      </c>
      <c r="AZ19" s="15">
        <v>0</v>
      </c>
      <c r="BA19" s="15">
        <v>70414</v>
      </c>
      <c r="BB19" s="15">
        <v>0</v>
      </c>
      <c r="BC19" s="15">
        <v>112318</v>
      </c>
      <c r="BD19" s="15">
        <v>386014</v>
      </c>
      <c r="BE19" s="15">
        <v>0</v>
      </c>
      <c r="BF19" s="15">
        <v>26858</v>
      </c>
      <c r="BG19" s="15">
        <v>0</v>
      </c>
      <c r="BH19" s="15">
        <v>0</v>
      </c>
      <c r="BI19" s="15">
        <v>0</v>
      </c>
      <c r="BJ19" s="15">
        <v>0</v>
      </c>
      <c r="BK19" s="15">
        <v>3533414</v>
      </c>
      <c r="BL19" s="15">
        <v>59820</v>
      </c>
      <c r="BM19" s="15">
        <v>2723553</v>
      </c>
      <c r="BN19" s="15">
        <v>363813</v>
      </c>
      <c r="BO19" s="15">
        <v>7337778</v>
      </c>
      <c r="BP19" s="15">
        <v>5113493</v>
      </c>
      <c r="BQ19" s="15">
        <v>2016163</v>
      </c>
      <c r="BR19" s="15">
        <v>1329876</v>
      </c>
      <c r="BS19" s="15">
        <v>486982</v>
      </c>
      <c r="BT19" s="15">
        <v>110</v>
      </c>
      <c r="BU19" s="15">
        <v>0</v>
      </c>
      <c r="BV19" s="15">
        <v>103335</v>
      </c>
      <c r="BW19" s="15">
        <v>0</v>
      </c>
      <c r="BX19" s="15">
        <v>0</v>
      </c>
      <c r="BY19" s="15">
        <v>103335</v>
      </c>
      <c r="BZ19" s="15">
        <v>0</v>
      </c>
      <c r="CA19" s="15">
        <v>0</v>
      </c>
      <c r="CB19" s="15">
        <v>0</v>
      </c>
      <c r="CC19" s="15">
        <v>1177027</v>
      </c>
      <c r="CD19" s="15">
        <v>2224285</v>
      </c>
      <c r="CE19" s="15">
        <v>0</v>
      </c>
      <c r="CF19" s="15">
        <v>0</v>
      </c>
      <c r="CG19" s="15">
        <v>0</v>
      </c>
      <c r="CH19" s="15">
        <v>2224285</v>
      </c>
      <c r="CI19" s="15">
        <v>213072</v>
      </c>
      <c r="CJ19" s="15">
        <v>105434</v>
      </c>
      <c r="CK19" s="15">
        <v>107638</v>
      </c>
      <c r="CL19" s="15">
        <v>105180</v>
      </c>
      <c r="CM19" s="15">
        <v>0</v>
      </c>
      <c r="CN19" s="15">
        <v>2458</v>
      </c>
      <c r="CO19" s="15">
        <v>109688</v>
      </c>
      <c r="CP19" s="15">
        <v>64772</v>
      </c>
      <c r="CQ19" s="15">
        <v>0</v>
      </c>
      <c r="CR19" s="15">
        <v>44916</v>
      </c>
      <c r="CS19" s="15">
        <v>3352835</v>
      </c>
      <c r="CT19" s="15">
        <v>1154392</v>
      </c>
      <c r="CU19" s="15">
        <v>1107877</v>
      </c>
      <c r="CV19" s="15">
        <v>46515</v>
      </c>
      <c r="CW19" s="15">
        <v>2058300</v>
      </c>
      <c r="CX19" s="15">
        <v>48270</v>
      </c>
      <c r="CY19" s="15">
        <v>1724</v>
      </c>
      <c r="CZ19" s="15">
        <v>300</v>
      </c>
      <c r="DA19" s="15">
        <v>1195000</v>
      </c>
      <c r="DB19" s="15">
        <v>0</v>
      </c>
      <c r="DC19" s="15">
        <v>0</v>
      </c>
      <c r="DD19" s="15">
        <v>0</v>
      </c>
      <c r="DE19" s="15">
        <v>0</v>
      </c>
      <c r="DF19" s="15">
        <v>813006</v>
      </c>
      <c r="DG19" s="15">
        <v>0</v>
      </c>
      <c r="DH19" s="15">
        <v>0</v>
      </c>
      <c r="DI19" s="15">
        <v>813006</v>
      </c>
      <c r="DJ19" s="15">
        <v>2667694</v>
      </c>
      <c r="DK19" s="15">
        <v>93817761</v>
      </c>
    </row>
    <row r="20" spans="1:115" s="13" customFormat="1" ht="17.25" customHeight="1">
      <c r="A20" s="6" t="s">
        <v>177</v>
      </c>
      <c r="B20" s="15">
        <v>17205135</v>
      </c>
      <c r="C20" s="15">
        <v>229315</v>
      </c>
      <c r="D20" s="15">
        <v>52239</v>
      </c>
      <c r="E20" s="15">
        <v>0</v>
      </c>
      <c r="F20" s="15">
        <v>0</v>
      </c>
      <c r="G20" s="15">
        <v>159868</v>
      </c>
      <c r="H20" s="15">
        <v>0</v>
      </c>
      <c r="I20" s="15">
        <v>17208</v>
      </c>
      <c r="J20" s="15">
        <v>7692</v>
      </c>
      <c r="K20" s="15">
        <v>175595</v>
      </c>
      <c r="L20" s="15">
        <v>251327</v>
      </c>
      <c r="M20" s="15">
        <v>0</v>
      </c>
      <c r="N20" s="15">
        <v>2496300</v>
      </c>
      <c r="O20" s="15">
        <v>22055</v>
      </c>
      <c r="P20" s="15">
        <v>0</v>
      </c>
      <c r="Q20" s="15">
        <v>0</v>
      </c>
      <c r="R20" s="15">
        <v>62459</v>
      </c>
      <c r="S20" s="15">
        <v>277113</v>
      </c>
      <c r="T20" s="15">
        <v>586008</v>
      </c>
      <c r="U20" s="15">
        <v>1667117</v>
      </c>
      <c r="V20" s="15">
        <v>1460546</v>
      </c>
      <c r="W20" s="24">
        <v>206571</v>
      </c>
      <c r="X20" s="15">
        <v>0</v>
      </c>
      <c r="Y20" s="15">
        <v>10741</v>
      </c>
      <c r="Z20" s="15">
        <v>240382</v>
      </c>
      <c r="AA20" s="15">
        <v>43029</v>
      </c>
      <c r="AB20" s="15">
        <v>197353</v>
      </c>
      <c r="AC20" s="15">
        <v>261977</v>
      </c>
      <c r="AD20" s="15">
        <v>0</v>
      </c>
      <c r="AE20" s="15">
        <v>0</v>
      </c>
      <c r="AF20" s="15">
        <v>0</v>
      </c>
      <c r="AG20" s="15">
        <v>0</v>
      </c>
      <c r="AH20" s="15">
        <v>4355</v>
      </c>
      <c r="AI20" s="15">
        <v>40810</v>
      </c>
      <c r="AJ20" s="15">
        <v>216812</v>
      </c>
      <c r="AK20" s="15">
        <v>76462</v>
      </c>
      <c r="AL20" s="15">
        <v>15678</v>
      </c>
      <c r="AM20" s="15">
        <v>60784</v>
      </c>
      <c r="AN20" s="15">
        <v>8326213</v>
      </c>
      <c r="AO20" s="15">
        <v>0</v>
      </c>
      <c r="AP20" s="15">
        <v>1750272</v>
      </c>
      <c r="AQ20" s="15">
        <v>1705151</v>
      </c>
      <c r="AR20" s="15">
        <v>1046918</v>
      </c>
      <c r="AS20" s="15">
        <v>1099599</v>
      </c>
      <c r="AT20" s="15">
        <v>0</v>
      </c>
      <c r="AU20" s="15">
        <v>37339</v>
      </c>
      <c r="AV20" s="15">
        <v>5655</v>
      </c>
      <c r="AW20" s="15">
        <v>0</v>
      </c>
      <c r="AX20" s="15">
        <v>26878</v>
      </c>
      <c r="AY20" s="15">
        <v>0</v>
      </c>
      <c r="AZ20" s="15">
        <v>0</v>
      </c>
      <c r="BA20" s="15">
        <v>26878</v>
      </c>
      <c r="BB20" s="15">
        <v>0</v>
      </c>
      <c r="BC20" s="15">
        <v>325673</v>
      </c>
      <c r="BD20" s="15">
        <v>0</v>
      </c>
      <c r="BE20" s="15">
        <v>0</v>
      </c>
      <c r="BF20" s="15">
        <v>4032</v>
      </c>
      <c r="BG20" s="15">
        <v>0</v>
      </c>
      <c r="BH20" s="15">
        <v>0</v>
      </c>
      <c r="BI20" s="15">
        <v>0</v>
      </c>
      <c r="BJ20" s="15">
        <v>0</v>
      </c>
      <c r="BK20" s="15">
        <v>1203214</v>
      </c>
      <c r="BL20" s="15">
        <v>16027</v>
      </c>
      <c r="BM20" s="15">
        <v>1105455</v>
      </c>
      <c r="BN20" s="15">
        <v>0</v>
      </c>
      <c r="BO20" s="15">
        <v>2998740</v>
      </c>
      <c r="BP20" s="15">
        <v>2002822</v>
      </c>
      <c r="BQ20" s="15">
        <v>725478</v>
      </c>
      <c r="BR20" s="15">
        <v>557500</v>
      </c>
      <c r="BS20" s="15">
        <v>186336</v>
      </c>
      <c r="BT20" s="15">
        <v>16270</v>
      </c>
      <c r="BU20" s="15">
        <v>0</v>
      </c>
      <c r="BV20" s="15">
        <v>47048</v>
      </c>
      <c r="BW20" s="15">
        <v>0</v>
      </c>
      <c r="BX20" s="15">
        <v>0</v>
      </c>
      <c r="BY20" s="15">
        <v>47048</v>
      </c>
      <c r="BZ20" s="15">
        <v>0</v>
      </c>
      <c r="CA20" s="15">
        <v>0</v>
      </c>
      <c r="CB20" s="15">
        <v>0</v>
      </c>
      <c r="CC20" s="15">
        <v>470190</v>
      </c>
      <c r="CD20" s="15">
        <v>995918</v>
      </c>
      <c r="CE20" s="15">
        <v>0</v>
      </c>
      <c r="CF20" s="15">
        <v>0</v>
      </c>
      <c r="CG20" s="15">
        <v>0</v>
      </c>
      <c r="CH20" s="15">
        <v>995918</v>
      </c>
      <c r="CI20" s="15">
        <v>46955</v>
      </c>
      <c r="CJ20" s="15">
        <v>11680</v>
      </c>
      <c r="CK20" s="15">
        <v>35275</v>
      </c>
      <c r="CL20" s="15">
        <v>33038</v>
      </c>
      <c r="CM20" s="15">
        <v>0</v>
      </c>
      <c r="CN20" s="15">
        <v>2237</v>
      </c>
      <c r="CO20" s="15">
        <v>46080</v>
      </c>
      <c r="CP20" s="15">
        <v>38043</v>
      </c>
      <c r="CQ20" s="15">
        <v>5600</v>
      </c>
      <c r="CR20" s="15">
        <v>2437</v>
      </c>
      <c r="CS20" s="15">
        <v>1353114</v>
      </c>
      <c r="CT20" s="15">
        <v>1782246</v>
      </c>
      <c r="CU20" s="15">
        <v>1231981</v>
      </c>
      <c r="CV20" s="15">
        <v>550265</v>
      </c>
      <c r="CW20" s="15">
        <v>788852</v>
      </c>
      <c r="CX20" s="15">
        <v>19867</v>
      </c>
      <c r="CY20" s="15">
        <v>1409</v>
      </c>
      <c r="CZ20" s="15">
        <v>0</v>
      </c>
      <c r="DA20" s="15">
        <v>264980</v>
      </c>
      <c r="DB20" s="15">
        <v>0</v>
      </c>
      <c r="DC20" s="15">
        <v>0</v>
      </c>
      <c r="DD20" s="15">
        <v>0</v>
      </c>
      <c r="DE20" s="15">
        <v>0</v>
      </c>
      <c r="DF20" s="15">
        <v>502596</v>
      </c>
      <c r="DG20" s="15">
        <v>0</v>
      </c>
      <c r="DH20" s="15">
        <v>0</v>
      </c>
      <c r="DI20" s="15">
        <v>502596</v>
      </c>
      <c r="DJ20" s="15">
        <v>1888300</v>
      </c>
      <c r="DK20" s="15">
        <v>40800178</v>
      </c>
    </row>
    <row r="21" spans="1:115" s="13" customFormat="1" ht="17.25" customHeight="1">
      <c r="A21" s="6" t="s">
        <v>205</v>
      </c>
      <c r="B21" s="15">
        <v>26316344</v>
      </c>
      <c r="C21" s="15">
        <v>274847</v>
      </c>
      <c r="D21" s="15">
        <v>63917</v>
      </c>
      <c r="E21" s="15">
        <v>0</v>
      </c>
      <c r="F21" s="15">
        <v>0</v>
      </c>
      <c r="G21" s="15">
        <v>195605</v>
      </c>
      <c r="H21" s="15">
        <v>0</v>
      </c>
      <c r="I21" s="15">
        <v>15325</v>
      </c>
      <c r="J21" s="15">
        <v>10941</v>
      </c>
      <c r="K21" s="15">
        <v>250714</v>
      </c>
      <c r="L21" s="15">
        <v>360274</v>
      </c>
      <c r="M21" s="15">
        <v>0</v>
      </c>
      <c r="N21" s="15">
        <v>3429008</v>
      </c>
      <c r="O21" s="15">
        <v>0</v>
      </c>
      <c r="P21" s="15">
        <v>0</v>
      </c>
      <c r="Q21" s="15">
        <v>0</v>
      </c>
      <c r="R21" s="15">
        <v>76519</v>
      </c>
      <c r="S21" s="15">
        <v>410029</v>
      </c>
      <c r="T21" s="15">
        <v>871367</v>
      </c>
      <c r="U21" s="15">
        <v>53523</v>
      </c>
      <c r="V21" s="15">
        <v>0</v>
      </c>
      <c r="W21" s="24">
        <v>53523</v>
      </c>
      <c r="X21" s="15">
        <v>0</v>
      </c>
      <c r="Y21" s="15">
        <v>17083</v>
      </c>
      <c r="Z21" s="15">
        <v>473667</v>
      </c>
      <c r="AA21" s="15">
        <v>122178</v>
      </c>
      <c r="AB21" s="15">
        <v>351489</v>
      </c>
      <c r="AC21" s="15">
        <v>248488</v>
      </c>
      <c r="AD21" s="15">
        <v>0</v>
      </c>
      <c r="AE21" s="15">
        <v>0</v>
      </c>
      <c r="AF21" s="15">
        <v>0</v>
      </c>
      <c r="AG21" s="15">
        <v>0</v>
      </c>
      <c r="AH21" s="15">
        <v>66259</v>
      </c>
      <c r="AI21" s="15">
        <v>41375</v>
      </c>
      <c r="AJ21" s="15">
        <v>140854</v>
      </c>
      <c r="AK21" s="15">
        <v>314718</v>
      </c>
      <c r="AL21" s="15">
        <v>2591</v>
      </c>
      <c r="AM21" s="15">
        <v>312127</v>
      </c>
      <c r="AN21" s="15">
        <v>10806796</v>
      </c>
      <c r="AO21" s="15">
        <v>0</v>
      </c>
      <c r="AP21" s="15">
        <v>1595607</v>
      </c>
      <c r="AQ21" s="15">
        <v>2354289</v>
      </c>
      <c r="AR21" s="15">
        <v>1386393</v>
      </c>
      <c r="AS21" s="15">
        <v>1668552</v>
      </c>
      <c r="AT21" s="15">
        <v>0</v>
      </c>
      <c r="AU21" s="15">
        <v>123251</v>
      </c>
      <c r="AV21" s="15">
        <v>0</v>
      </c>
      <c r="AW21" s="15">
        <v>0</v>
      </c>
      <c r="AX21" s="15">
        <v>27596</v>
      </c>
      <c r="AY21" s="15">
        <v>0</v>
      </c>
      <c r="AZ21" s="15">
        <v>0</v>
      </c>
      <c r="BA21" s="15">
        <v>27596</v>
      </c>
      <c r="BB21" s="15">
        <v>0</v>
      </c>
      <c r="BC21" s="15">
        <v>158318</v>
      </c>
      <c r="BD21" s="15">
        <v>0</v>
      </c>
      <c r="BE21" s="15">
        <v>0</v>
      </c>
      <c r="BF21" s="15">
        <v>1659</v>
      </c>
      <c r="BG21" s="15">
        <v>0</v>
      </c>
      <c r="BH21" s="15">
        <v>0</v>
      </c>
      <c r="BI21" s="15">
        <v>0</v>
      </c>
      <c r="BJ21" s="15">
        <v>0</v>
      </c>
      <c r="BK21" s="15">
        <v>1815287</v>
      </c>
      <c r="BL21" s="15">
        <v>4093</v>
      </c>
      <c r="BM21" s="15">
        <v>1671751</v>
      </c>
      <c r="BN21" s="15">
        <v>0</v>
      </c>
      <c r="BO21" s="15">
        <v>4165443</v>
      </c>
      <c r="BP21" s="15">
        <v>2876947</v>
      </c>
      <c r="BQ21" s="15">
        <v>973066</v>
      </c>
      <c r="BR21" s="15">
        <v>703514</v>
      </c>
      <c r="BS21" s="15">
        <v>275861</v>
      </c>
      <c r="BT21" s="15">
        <v>0</v>
      </c>
      <c r="BU21" s="15">
        <v>0</v>
      </c>
      <c r="BV21" s="15">
        <v>65047</v>
      </c>
      <c r="BW21" s="15">
        <v>0</v>
      </c>
      <c r="BX21" s="15">
        <v>0</v>
      </c>
      <c r="BY21" s="15">
        <v>65047</v>
      </c>
      <c r="BZ21" s="15">
        <v>0</v>
      </c>
      <c r="CA21" s="15">
        <v>0</v>
      </c>
      <c r="CB21" s="15">
        <v>0</v>
      </c>
      <c r="CC21" s="15">
        <v>859459</v>
      </c>
      <c r="CD21" s="15">
        <v>1288496</v>
      </c>
      <c r="CE21" s="15">
        <v>0</v>
      </c>
      <c r="CF21" s="15">
        <v>0</v>
      </c>
      <c r="CG21" s="15">
        <v>0</v>
      </c>
      <c r="CH21" s="15">
        <v>1288496</v>
      </c>
      <c r="CI21" s="15">
        <v>75322</v>
      </c>
      <c r="CJ21" s="15">
        <v>51021</v>
      </c>
      <c r="CK21" s="15">
        <v>24301</v>
      </c>
      <c r="CL21" s="15">
        <v>21949</v>
      </c>
      <c r="CM21" s="15">
        <v>0</v>
      </c>
      <c r="CN21" s="15">
        <v>2352</v>
      </c>
      <c r="CO21" s="15">
        <v>647994</v>
      </c>
      <c r="CP21" s="15">
        <v>641973</v>
      </c>
      <c r="CQ21" s="15">
        <v>0</v>
      </c>
      <c r="CR21" s="15">
        <v>6021</v>
      </c>
      <c r="CS21" s="15">
        <v>2712303</v>
      </c>
      <c r="CT21" s="15">
        <v>2432226</v>
      </c>
      <c r="CU21" s="15">
        <v>2124941</v>
      </c>
      <c r="CV21" s="15">
        <v>307285</v>
      </c>
      <c r="CW21" s="15">
        <v>1192129</v>
      </c>
      <c r="CX21" s="15">
        <v>15590</v>
      </c>
      <c r="CY21" s="15">
        <v>376</v>
      </c>
      <c r="CZ21" s="15">
        <v>1650</v>
      </c>
      <c r="DA21" s="15">
        <v>77000</v>
      </c>
      <c r="DB21" s="15">
        <v>0</v>
      </c>
      <c r="DC21" s="15">
        <v>0</v>
      </c>
      <c r="DD21" s="15">
        <v>0</v>
      </c>
      <c r="DE21" s="15">
        <v>0</v>
      </c>
      <c r="DF21" s="15">
        <v>1097513</v>
      </c>
      <c r="DG21" s="15">
        <v>0</v>
      </c>
      <c r="DH21" s="15">
        <v>0</v>
      </c>
      <c r="DI21" s="15">
        <v>1097513</v>
      </c>
      <c r="DJ21" s="15">
        <v>2448900</v>
      </c>
      <c r="DK21" s="15">
        <v>57588635</v>
      </c>
    </row>
    <row r="22" spans="1:115" s="13" customFormat="1" ht="17.25" customHeight="1">
      <c r="A22" s="6" t="s">
        <v>206</v>
      </c>
      <c r="B22" s="15">
        <v>20137468</v>
      </c>
      <c r="C22" s="15">
        <v>231370</v>
      </c>
      <c r="D22" s="15">
        <v>53228</v>
      </c>
      <c r="E22" s="15">
        <v>0</v>
      </c>
      <c r="F22" s="15">
        <v>0</v>
      </c>
      <c r="G22" s="15">
        <v>162893</v>
      </c>
      <c r="H22" s="15">
        <v>0</v>
      </c>
      <c r="I22" s="15">
        <v>15249</v>
      </c>
      <c r="J22" s="15">
        <v>9194</v>
      </c>
      <c r="K22" s="15">
        <v>210068</v>
      </c>
      <c r="L22" s="15">
        <v>300930</v>
      </c>
      <c r="M22" s="15">
        <v>0</v>
      </c>
      <c r="N22" s="15">
        <v>3082148</v>
      </c>
      <c r="O22" s="15">
        <v>0</v>
      </c>
      <c r="P22" s="15">
        <v>0</v>
      </c>
      <c r="Q22" s="15">
        <v>0</v>
      </c>
      <c r="R22" s="15">
        <v>63474</v>
      </c>
      <c r="S22" s="15">
        <v>281977</v>
      </c>
      <c r="T22" s="15">
        <v>795169</v>
      </c>
      <c r="U22" s="15">
        <v>4578279</v>
      </c>
      <c r="V22" s="15">
        <v>4417333</v>
      </c>
      <c r="W22" s="24">
        <v>160946</v>
      </c>
      <c r="X22" s="15">
        <v>0</v>
      </c>
      <c r="Y22" s="15">
        <v>14180</v>
      </c>
      <c r="Z22" s="15">
        <v>197608</v>
      </c>
      <c r="AA22" s="15">
        <v>10340</v>
      </c>
      <c r="AB22" s="15">
        <v>187268</v>
      </c>
      <c r="AC22" s="15">
        <v>283674</v>
      </c>
      <c r="AD22" s="15">
        <v>0</v>
      </c>
      <c r="AE22" s="15">
        <v>0</v>
      </c>
      <c r="AF22" s="15">
        <v>0</v>
      </c>
      <c r="AG22" s="15">
        <v>0</v>
      </c>
      <c r="AH22" s="15">
        <v>52660</v>
      </c>
      <c r="AI22" s="15">
        <v>68312</v>
      </c>
      <c r="AJ22" s="15">
        <v>162702</v>
      </c>
      <c r="AK22" s="15">
        <v>137838</v>
      </c>
      <c r="AL22" s="15">
        <v>21662</v>
      </c>
      <c r="AM22" s="15">
        <v>116176</v>
      </c>
      <c r="AN22" s="15">
        <v>10844835</v>
      </c>
      <c r="AO22" s="15">
        <v>0</v>
      </c>
      <c r="AP22" s="15">
        <v>3309428</v>
      </c>
      <c r="AQ22" s="15">
        <v>1563519</v>
      </c>
      <c r="AR22" s="15">
        <v>1452738</v>
      </c>
      <c r="AS22" s="15">
        <v>1491620</v>
      </c>
      <c r="AT22" s="15">
        <v>0</v>
      </c>
      <c r="AU22" s="15">
        <v>224429</v>
      </c>
      <c r="AV22" s="15">
        <v>0</v>
      </c>
      <c r="AW22" s="15">
        <v>0</v>
      </c>
      <c r="AX22" s="15">
        <v>30853</v>
      </c>
      <c r="AY22" s="15">
        <v>0</v>
      </c>
      <c r="AZ22" s="15">
        <v>0</v>
      </c>
      <c r="BA22" s="15">
        <v>30853</v>
      </c>
      <c r="BB22" s="15">
        <v>0</v>
      </c>
      <c r="BC22" s="15">
        <v>56278</v>
      </c>
      <c r="BD22" s="15">
        <v>66667</v>
      </c>
      <c r="BE22" s="15">
        <v>0</v>
      </c>
      <c r="BF22" s="15">
        <v>69333</v>
      </c>
      <c r="BG22" s="15">
        <v>0</v>
      </c>
      <c r="BH22" s="15">
        <v>0</v>
      </c>
      <c r="BI22" s="15">
        <v>0</v>
      </c>
      <c r="BJ22" s="15">
        <v>0</v>
      </c>
      <c r="BK22" s="15">
        <v>1091543</v>
      </c>
      <c r="BL22" s="15">
        <v>10506</v>
      </c>
      <c r="BM22" s="15">
        <v>1477921</v>
      </c>
      <c r="BN22" s="15">
        <v>260340</v>
      </c>
      <c r="BO22" s="15">
        <v>3606103</v>
      </c>
      <c r="BP22" s="15">
        <v>2451999</v>
      </c>
      <c r="BQ22" s="15">
        <v>658897</v>
      </c>
      <c r="BR22" s="15">
        <v>714755</v>
      </c>
      <c r="BS22" s="15">
        <v>252407</v>
      </c>
      <c r="BT22" s="15">
        <v>62574</v>
      </c>
      <c r="BU22" s="15">
        <v>0</v>
      </c>
      <c r="BV22" s="15">
        <v>53479</v>
      </c>
      <c r="BW22" s="15">
        <v>0</v>
      </c>
      <c r="BX22" s="15">
        <v>0</v>
      </c>
      <c r="BY22" s="15">
        <v>53479</v>
      </c>
      <c r="BZ22" s="15">
        <v>0</v>
      </c>
      <c r="CA22" s="15">
        <v>0</v>
      </c>
      <c r="CB22" s="15">
        <v>0</v>
      </c>
      <c r="CC22" s="15">
        <v>709887</v>
      </c>
      <c r="CD22" s="15">
        <v>1154104</v>
      </c>
      <c r="CE22" s="15">
        <v>0</v>
      </c>
      <c r="CF22" s="15">
        <v>0</v>
      </c>
      <c r="CG22" s="15">
        <v>0</v>
      </c>
      <c r="CH22" s="15">
        <v>1154104</v>
      </c>
      <c r="CI22" s="15">
        <v>225656</v>
      </c>
      <c r="CJ22" s="15">
        <v>34317</v>
      </c>
      <c r="CK22" s="15">
        <v>191339</v>
      </c>
      <c r="CL22" s="15">
        <v>190312</v>
      </c>
      <c r="CM22" s="15">
        <v>0</v>
      </c>
      <c r="CN22" s="15">
        <v>1027</v>
      </c>
      <c r="CO22" s="15">
        <v>31995</v>
      </c>
      <c r="CP22" s="15">
        <v>25811</v>
      </c>
      <c r="CQ22" s="15">
        <v>0</v>
      </c>
      <c r="CR22" s="15">
        <v>6184</v>
      </c>
      <c r="CS22" s="15">
        <v>2805754</v>
      </c>
      <c r="CT22" s="15">
        <v>2628270</v>
      </c>
      <c r="CU22" s="15">
        <v>1205359</v>
      </c>
      <c r="CV22" s="15">
        <v>1422911</v>
      </c>
      <c r="CW22" s="15">
        <v>1083588</v>
      </c>
      <c r="CX22" s="15">
        <v>47093</v>
      </c>
      <c r="CY22" s="15">
        <v>453</v>
      </c>
      <c r="CZ22" s="15">
        <v>0</v>
      </c>
      <c r="DA22" s="15">
        <v>50540</v>
      </c>
      <c r="DB22" s="15">
        <v>0</v>
      </c>
      <c r="DC22" s="15">
        <v>0</v>
      </c>
      <c r="DD22" s="15">
        <v>0</v>
      </c>
      <c r="DE22" s="15">
        <v>0</v>
      </c>
      <c r="DF22" s="15">
        <v>985502</v>
      </c>
      <c r="DG22" s="15">
        <v>0</v>
      </c>
      <c r="DH22" s="15">
        <v>0</v>
      </c>
      <c r="DI22" s="15">
        <v>985502</v>
      </c>
      <c r="DJ22" s="15">
        <v>1689300</v>
      </c>
      <c r="DK22" s="15">
        <v>53499218</v>
      </c>
    </row>
    <row r="23" spans="1:115" s="13" customFormat="1" ht="17.25" customHeight="1">
      <c r="A23" s="6" t="s">
        <v>178</v>
      </c>
      <c r="B23" s="15">
        <v>6792682</v>
      </c>
      <c r="C23" s="15">
        <v>109479</v>
      </c>
      <c r="D23" s="15">
        <v>23323</v>
      </c>
      <c r="E23" s="15">
        <v>0</v>
      </c>
      <c r="F23" s="15">
        <v>0</v>
      </c>
      <c r="G23" s="15">
        <v>71380</v>
      </c>
      <c r="H23" s="15">
        <v>0</v>
      </c>
      <c r="I23" s="15">
        <v>14776</v>
      </c>
      <c r="J23" s="15">
        <v>2577</v>
      </c>
      <c r="K23" s="15">
        <v>58794</v>
      </c>
      <c r="L23" s="15">
        <v>84046</v>
      </c>
      <c r="M23" s="15">
        <v>0</v>
      </c>
      <c r="N23" s="15">
        <v>963592</v>
      </c>
      <c r="O23" s="15">
        <v>0</v>
      </c>
      <c r="P23" s="15">
        <v>0</v>
      </c>
      <c r="Q23" s="15">
        <v>0</v>
      </c>
      <c r="R23" s="15">
        <v>27937</v>
      </c>
      <c r="S23" s="15">
        <v>92953</v>
      </c>
      <c r="T23" s="15">
        <v>225632</v>
      </c>
      <c r="U23" s="15">
        <v>2076209</v>
      </c>
      <c r="V23" s="15">
        <v>2019418</v>
      </c>
      <c r="W23" s="24">
        <v>56791</v>
      </c>
      <c r="X23" s="15">
        <v>0</v>
      </c>
      <c r="Y23" s="15">
        <v>4542</v>
      </c>
      <c r="Z23" s="15">
        <v>122007</v>
      </c>
      <c r="AA23" s="15">
        <v>84385</v>
      </c>
      <c r="AB23" s="15">
        <v>37622</v>
      </c>
      <c r="AC23" s="15">
        <v>163772</v>
      </c>
      <c r="AD23" s="15">
        <v>0</v>
      </c>
      <c r="AE23" s="15">
        <v>0</v>
      </c>
      <c r="AF23" s="15">
        <v>0</v>
      </c>
      <c r="AG23" s="15">
        <v>0</v>
      </c>
      <c r="AH23" s="15">
        <v>10664</v>
      </c>
      <c r="AI23" s="15">
        <v>56279</v>
      </c>
      <c r="AJ23" s="15">
        <v>96829</v>
      </c>
      <c r="AK23" s="15">
        <v>73576</v>
      </c>
      <c r="AL23" s="15">
        <v>10714</v>
      </c>
      <c r="AM23" s="15">
        <v>62862</v>
      </c>
      <c r="AN23" s="15">
        <v>3082814</v>
      </c>
      <c r="AO23" s="15">
        <v>0</v>
      </c>
      <c r="AP23" s="15">
        <v>639977</v>
      </c>
      <c r="AQ23" s="15">
        <v>497990</v>
      </c>
      <c r="AR23" s="15">
        <v>501378</v>
      </c>
      <c r="AS23" s="15">
        <v>403508</v>
      </c>
      <c r="AT23" s="15">
        <v>0</v>
      </c>
      <c r="AU23" s="15">
        <v>26733</v>
      </c>
      <c r="AV23" s="15">
        <v>0</v>
      </c>
      <c r="AW23" s="15">
        <v>0</v>
      </c>
      <c r="AX23" s="15">
        <v>10210</v>
      </c>
      <c r="AY23" s="15">
        <v>0</v>
      </c>
      <c r="AZ23" s="15">
        <v>0</v>
      </c>
      <c r="BA23" s="15">
        <v>10210</v>
      </c>
      <c r="BB23" s="15">
        <v>0</v>
      </c>
      <c r="BC23" s="15">
        <v>25725</v>
      </c>
      <c r="BD23" s="15">
        <v>0</v>
      </c>
      <c r="BE23" s="15">
        <v>0</v>
      </c>
      <c r="BF23" s="15">
        <v>16725</v>
      </c>
      <c r="BG23" s="15">
        <v>0</v>
      </c>
      <c r="BH23" s="15">
        <v>0</v>
      </c>
      <c r="BI23" s="15">
        <v>0</v>
      </c>
      <c r="BJ23" s="15">
        <v>0</v>
      </c>
      <c r="BK23" s="15">
        <v>646585</v>
      </c>
      <c r="BL23" s="15">
        <v>1482</v>
      </c>
      <c r="BM23" s="15">
        <v>312501</v>
      </c>
      <c r="BN23" s="15">
        <v>0</v>
      </c>
      <c r="BO23" s="15">
        <v>1205301</v>
      </c>
      <c r="BP23" s="15">
        <v>702359</v>
      </c>
      <c r="BQ23" s="15">
        <v>224431</v>
      </c>
      <c r="BR23" s="15">
        <v>249649</v>
      </c>
      <c r="BS23" s="15">
        <v>71514</v>
      </c>
      <c r="BT23" s="15">
        <v>5248</v>
      </c>
      <c r="BU23" s="15">
        <v>3099</v>
      </c>
      <c r="BV23" s="15">
        <v>27162</v>
      </c>
      <c r="BW23" s="15">
        <v>0</v>
      </c>
      <c r="BX23" s="15">
        <v>0</v>
      </c>
      <c r="BY23" s="15">
        <v>27162</v>
      </c>
      <c r="BZ23" s="15">
        <v>4400</v>
      </c>
      <c r="CA23" s="15">
        <v>0</v>
      </c>
      <c r="CB23" s="15">
        <v>0</v>
      </c>
      <c r="CC23" s="15">
        <v>116856</v>
      </c>
      <c r="CD23" s="15">
        <v>502942</v>
      </c>
      <c r="CE23" s="15">
        <v>0</v>
      </c>
      <c r="CF23" s="15">
        <v>0</v>
      </c>
      <c r="CG23" s="15">
        <v>0</v>
      </c>
      <c r="CH23" s="15">
        <v>502942</v>
      </c>
      <c r="CI23" s="15">
        <v>54189</v>
      </c>
      <c r="CJ23" s="15">
        <v>45390</v>
      </c>
      <c r="CK23" s="15">
        <v>8799</v>
      </c>
      <c r="CL23" s="15">
        <v>8751</v>
      </c>
      <c r="CM23" s="15">
        <v>0</v>
      </c>
      <c r="CN23" s="15">
        <v>48</v>
      </c>
      <c r="CO23" s="15">
        <v>1423991</v>
      </c>
      <c r="CP23" s="15">
        <v>1411258</v>
      </c>
      <c r="CQ23" s="15">
        <v>10800</v>
      </c>
      <c r="CR23" s="15">
        <v>1933</v>
      </c>
      <c r="CS23" s="15">
        <v>2170508</v>
      </c>
      <c r="CT23" s="15">
        <v>883979</v>
      </c>
      <c r="CU23" s="15">
        <v>799092</v>
      </c>
      <c r="CV23" s="15">
        <v>84887</v>
      </c>
      <c r="CW23" s="15">
        <v>275754</v>
      </c>
      <c r="CX23" s="15">
        <v>9679</v>
      </c>
      <c r="CY23" s="15">
        <v>73</v>
      </c>
      <c r="CZ23" s="15">
        <v>0</v>
      </c>
      <c r="DA23" s="15">
        <v>34700</v>
      </c>
      <c r="DB23" s="15">
        <v>0</v>
      </c>
      <c r="DC23" s="15">
        <v>0</v>
      </c>
      <c r="DD23" s="15">
        <v>0</v>
      </c>
      <c r="DE23" s="15">
        <v>0</v>
      </c>
      <c r="DF23" s="15">
        <v>231302</v>
      </c>
      <c r="DG23" s="15">
        <v>7517</v>
      </c>
      <c r="DH23" s="15">
        <v>0</v>
      </c>
      <c r="DI23" s="15">
        <v>223785</v>
      </c>
      <c r="DJ23" s="15">
        <v>532614</v>
      </c>
      <c r="DK23" s="15">
        <v>20426948</v>
      </c>
    </row>
    <row r="24" spans="1:115" ht="17.25" customHeight="1">
      <c r="A24" s="18" t="s">
        <v>179</v>
      </c>
      <c r="B24" s="19">
        <v>13883361</v>
      </c>
      <c r="C24" s="19">
        <v>179872</v>
      </c>
      <c r="D24" s="19">
        <v>41894</v>
      </c>
      <c r="E24" s="19">
        <v>0</v>
      </c>
      <c r="F24" s="19">
        <v>0</v>
      </c>
      <c r="G24" s="19">
        <v>128210</v>
      </c>
      <c r="H24" s="19">
        <v>0</v>
      </c>
      <c r="I24" s="19">
        <v>9768</v>
      </c>
      <c r="J24" s="19">
        <v>5477</v>
      </c>
      <c r="K24" s="19">
        <v>125083</v>
      </c>
      <c r="L24" s="19">
        <v>179110</v>
      </c>
      <c r="M24" s="19">
        <v>0</v>
      </c>
      <c r="N24" s="19">
        <v>2096826</v>
      </c>
      <c r="O24" s="19">
        <v>14401</v>
      </c>
      <c r="P24" s="19">
        <v>0</v>
      </c>
      <c r="Q24" s="19">
        <v>0</v>
      </c>
      <c r="R24" s="19">
        <v>50107</v>
      </c>
      <c r="S24" s="19">
        <v>246854</v>
      </c>
      <c r="T24" s="19">
        <v>529359</v>
      </c>
      <c r="U24" s="19">
        <v>2168175</v>
      </c>
      <c r="V24" s="19">
        <v>1975127</v>
      </c>
      <c r="W24" s="25">
        <v>193048</v>
      </c>
      <c r="X24" s="19">
        <v>0</v>
      </c>
      <c r="Y24" s="19">
        <v>11601</v>
      </c>
      <c r="Z24" s="19">
        <v>156293</v>
      </c>
      <c r="AA24" s="19">
        <v>9406</v>
      </c>
      <c r="AB24" s="19">
        <v>146887</v>
      </c>
      <c r="AC24" s="19">
        <v>117932</v>
      </c>
      <c r="AD24" s="19">
        <v>0</v>
      </c>
      <c r="AE24" s="19">
        <v>0</v>
      </c>
      <c r="AF24" s="19">
        <v>0</v>
      </c>
      <c r="AG24" s="19">
        <v>0</v>
      </c>
      <c r="AH24" s="19">
        <v>30751</v>
      </c>
      <c r="AI24" s="19">
        <v>13893</v>
      </c>
      <c r="AJ24" s="19">
        <v>73288</v>
      </c>
      <c r="AK24" s="19">
        <v>69051</v>
      </c>
      <c r="AL24" s="19">
        <v>16503</v>
      </c>
      <c r="AM24" s="19">
        <v>52548</v>
      </c>
      <c r="AN24" s="19">
        <v>7284635</v>
      </c>
      <c r="AO24" s="19">
        <v>0</v>
      </c>
      <c r="AP24" s="19">
        <v>1188391</v>
      </c>
      <c r="AQ24" s="19">
        <v>1209051</v>
      </c>
      <c r="AR24" s="19">
        <v>891562</v>
      </c>
      <c r="AS24" s="19">
        <v>1052874</v>
      </c>
      <c r="AT24" s="19">
        <v>0</v>
      </c>
      <c r="AU24" s="19">
        <v>205695</v>
      </c>
      <c r="AV24" s="19">
        <v>0</v>
      </c>
      <c r="AW24" s="19">
        <v>0</v>
      </c>
      <c r="AX24" s="19">
        <v>24074</v>
      </c>
      <c r="AY24" s="19">
        <v>0</v>
      </c>
      <c r="AZ24" s="19">
        <v>0</v>
      </c>
      <c r="BA24" s="19">
        <v>24074</v>
      </c>
      <c r="BB24" s="19">
        <v>0</v>
      </c>
      <c r="BC24" s="19">
        <v>146579</v>
      </c>
      <c r="BD24" s="19">
        <v>454151</v>
      </c>
      <c r="BE24" s="19">
        <v>0</v>
      </c>
      <c r="BF24" s="19">
        <v>48108</v>
      </c>
      <c r="BG24" s="19">
        <v>0</v>
      </c>
      <c r="BH24" s="19">
        <v>0</v>
      </c>
      <c r="BI24" s="19">
        <v>0</v>
      </c>
      <c r="BJ24" s="19">
        <v>0</v>
      </c>
      <c r="BK24" s="19">
        <v>1234933</v>
      </c>
      <c r="BL24" s="19">
        <v>1286</v>
      </c>
      <c r="BM24" s="19">
        <v>827931</v>
      </c>
      <c r="BN24" s="19">
        <v>1244494</v>
      </c>
      <c r="BO24" s="19">
        <v>2267366</v>
      </c>
      <c r="BP24" s="19">
        <v>1461633</v>
      </c>
      <c r="BQ24" s="19">
        <v>501520</v>
      </c>
      <c r="BR24" s="19">
        <v>437744</v>
      </c>
      <c r="BS24" s="19">
        <v>183733</v>
      </c>
      <c r="BT24" s="19">
        <v>0</v>
      </c>
      <c r="BU24" s="19">
        <v>0</v>
      </c>
      <c r="BV24" s="19">
        <v>45821</v>
      </c>
      <c r="BW24" s="19">
        <v>0</v>
      </c>
      <c r="BX24" s="19">
        <v>0</v>
      </c>
      <c r="BY24" s="19">
        <v>45821</v>
      </c>
      <c r="BZ24" s="19">
        <v>0</v>
      </c>
      <c r="CA24" s="19">
        <v>0</v>
      </c>
      <c r="CB24" s="19">
        <v>0</v>
      </c>
      <c r="CC24" s="19">
        <v>292815</v>
      </c>
      <c r="CD24" s="19">
        <v>805733</v>
      </c>
      <c r="CE24" s="19">
        <v>0</v>
      </c>
      <c r="CF24" s="19">
        <v>0</v>
      </c>
      <c r="CG24" s="19">
        <v>0</v>
      </c>
      <c r="CH24" s="19">
        <v>805733</v>
      </c>
      <c r="CI24" s="19">
        <v>123972</v>
      </c>
      <c r="CJ24" s="19">
        <v>110747</v>
      </c>
      <c r="CK24" s="19">
        <v>13225</v>
      </c>
      <c r="CL24" s="19">
        <v>10499</v>
      </c>
      <c r="CM24" s="19">
        <v>0</v>
      </c>
      <c r="CN24" s="19">
        <v>2726</v>
      </c>
      <c r="CO24" s="19">
        <v>706185</v>
      </c>
      <c r="CP24" s="19">
        <v>657858</v>
      </c>
      <c r="CQ24" s="19">
        <v>5200</v>
      </c>
      <c r="CR24" s="19">
        <v>43127</v>
      </c>
      <c r="CS24" s="19">
        <v>495575</v>
      </c>
      <c r="CT24" s="19">
        <v>1193119</v>
      </c>
      <c r="CU24" s="19">
        <v>1046503</v>
      </c>
      <c r="CV24" s="19">
        <v>146616</v>
      </c>
      <c r="CW24" s="19">
        <v>627528</v>
      </c>
      <c r="CX24" s="19">
        <v>26211</v>
      </c>
      <c r="CY24" s="19">
        <v>1626</v>
      </c>
      <c r="CZ24" s="19">
        <v>0</v>
      </c>
      <c r="DA24" s="19">
        <v>30000</v>
      </c>
      <c r="DB24" s="19">
        <v>0</v>
      </c>
      <c r="DC24" s="19">
        <v>0</v>
      </c>
      <c r="DD24" s="19">
        <v>0</v>
      </c>
      <c r="DE24" s="19">
        <v>0</v>
      </c>
      <c r="DF24" s="19">
        <v>569691</v>
      </c>
      <c r="DG24" s="19">
        <v>0</v>
      </c>
      <c r="DH24" s="19">
        <v>0</v>
      </c>
      <c r="DI24" s="19">
        <v>569691</v>
      </c>
      <c r="DJ24" s="19">
        <v>1256585</v>
      </c>
      <c r="DK24" s="19">
        <v>35032961</v>
      </c>
    </row>
    <row r="25" spans="1:115" ht="17.25" customHeight="1">
      <c r="A25" s="6" t="s">
        <v>180</v>
      </c>
      <c r="B25" s="15">
        <v>5976361</v>
      </c>
      <c r="C25" s="15">
        <v>63790</v>
      </c>
      <c r="D25" s="15">
        <v>14666</v>
      </c>
      <c r="E25" s="15">
        <v>0</v>
      </c>
      <c r="F25" s="15">
        <v>0</v>
      </c>
      <c r="G25" s="15">
        <v>44883</v>
      </c>
      <c r="H25" s="15">
        <v>0</v>
      </c>
      <c r="I25" s="15">
        <v>4241</v>
      </c>
      <c r="J25" s="15">
        <v>3264</v>
      </c>
      <c r="K25" s="15">
        <v>74815</v>
      </c>
      <c r="L25" s="15">
        <v>107494</v>
      </c>
      <c r="M25" s="15">
        <v>0</v>
      </c>
      <c r="N25" s="15">
        <v>701005</v>
      </c>
      <c r="O25" s="15">
        <v>18855</v>
      </c>
      <c r="P25" s="15">
        <v>0</v>
      </c>
      <c r="Q25" s="15">
        <v>0</v>
      </c>
      <c r="R25" s="15">
        <v>17484</v>
      </c>
      <c r="S25" s="15">
        <v>49990</v>
      </c>
      <c r="T25" s="15">
        <v>163024</v>
      </c>
      <c r="U25" s="15">
        <v>1440492</v>
      </c>
      <c r="V25" s="15">
        <v>1388476</v>
      </c>
      <c r="W25" s="24">
        <v>52016</v>
      </c>
      <c r="X25" s="15">
        <v>0</v>
      </c>
      <c r="Y25" s="15">
        <v>3693</v>
      </c>
      <c r="Z25" s="15">
        <v>42443</v>
      </c>
      <c r="AA25" s="15">
        <v>2890</v>
      </c>
      <c r="AB25" s="15">
        <v>39553</v>
      </c>
      <c r="AC25" s="15">
        <v>107093</v>
      </c>
      <c r="AD25" s="15">
        <v>0</v>
      </c>
      <c r="AE25" s="15">
        <v>0</v>
      </c>
      <c r="AF25" s="15">
        <v>0</v>
      </c>
      <c r="AG25" s="15">
        <v>0</v>
      </c>
      <c r="AH25" s="15">
        <v>11173</v>
      </c>
      <c r="AI25" s="15">
        <v>11735</v>
      </c>
      <c r="AJ25" s="15">
        <v>84185</v>
      </c>
      <c r="AK25" s="15">
        <v>75303</v>
      </c>
      <c r="AL25" s="15">
        <v>5765</v>
      </c>
      <c r="AM25" s="15">
        <v>69538</v>
      </c>
      <c r="AN25" s="15">
        <v>1879077</v>
      </c>
      <c r="AO25" s="15">
        <v>0</v>
      </c>
      <c r="AP25" s="15">
        <v>0</v>
      </c>
      <c r="AQ25" s="15">
        <v>413926</v>
      </c>
      <c r="AR25" s="15">
        <v>267275</v>
      </c>
      <c r="AS25" s="15">
        <v>344938</v>
      </c>
      <c r="AT25" s="15">
        <v>0</v>
      </c>
      <c r="AU25" s="15">
        <v>0</v>
      </c>
      <c r="AV25" s="15">
        <v>0</v>
      </c>
      <c r="AW25" s="15">
        <v>0</v>
      </c>
      <c r="AX25" s="15">
        <v>6200</v>
      </c>
      <c r="AY25" s="15">
        <v>0</v>
      </c>
      <c r="AZ25" s="15">
        <v>0</v>
      </c>
      <c r="BA25" s="15">
        <v>6200</v>
      </c>
      <c r="BB25" s="15">
        <v>0</v>
      </c>
      <c r="BC25" s="15">
        <v>2283</v>
      </c>
      <c r="BD25" s="15">
        <v>0</v>
      </c>
      <c r="BE25" s="15">
        <v>0</v>
      </c>
      <c r="BF25" s="15">
        <v>14873</v>
      </c>
      <c r="BG25" s="15">
        <v>0</v>
      </c>
      <c r="BH25" s="15">
        <v>0</v>
      </c>
      <c r="BI25" s="15">
        <v>0</v>
      </c>
      <c r="BJ25" s="15">
        <v>0</v>
      </c>
      <c r="BK25" s="15">
        <v>408344</v>
      </c>
      <c r="BL25" s="15">
        <v>1214</v>
      </c>
      <c r="BM25" s="15">
        <v>420024</v>
      </c>
      <c r="BN25" s="15">
        <v>0</v>
      </c>
      <c r="BO25" s="15">
        <v>867248</v>
      </c>
      <c r="BP25" s="15">
        <v>530609</v>
      </c>
      <c r="BQ25" s="15">
        <v>169637</v>
      </c>
      <c r="BR25" s="15">
        <v>130747</v>
      </c>
      <c r="BS25" s="15">
        <v>60465</v>
      </c>
      <c r="BT25" s="15">
        <v>9332</v>
      </c>
      <c r="BU25" s="15">
        <v>0</v>
      </c>
      <c r="BV25" s="15">
        <v>15827</v>
      </c>
      <c r="BW25" s="15">
        <v>0</v>
      </c>
      <c r="BX25" s="15">
        <v>0</v>
      </c>
      <c r="BY25" s="15">
        <v>15827</v>
      </c>
      <c r="BZ25" s="15">
        <v>0</v>
      </c>
      <c r="CA25" s="15">
        <v>0</v>
      </c>
      <c r="CB25" s="15">
        <v>0</v>
      </c>
      <c r="CC25" s="15">
        <v>144601</v>
      </c>
      <c r="CD25" s="15">
        <v>336639</v>
      </c>
      <c r="CE25" s="15">
        <v>0</v>
      </c>
      <c r="CF25" s="15">
        <v>0</v>
      </c>
      <c r="CG25" s="15">
        <v>0</v>
      </c>
      <c r="CH25" s="15">
        <v>336639</v>
      </c>
      <c r="CI25" s="15">
        <v>25292</v>
      </c>
      <c r="CJ25" s="15">
        <v>10622</v>
      </c>
      <c r="CK25" s="15">
        <v>14670</v>
      </c>
      <c r="CL25" s="15">
        <v>12239</v>
      </c>
      <c r="CM25" s="15">
        <v>0</v>
      </c>
      <c r="CN25" s="15">
        <v>2431</v>
      </c>
      <c r="CO25" s="15">
        <v>118100</v>
      </c>
      <c r="CP25" s="15">
        <v>101567</v>
      </c>
      <c r="CQ25" s="15">
        <v>13100</v>
      </c>
      <c r="CR25" s="15">
        <v>3433</v>
      </c>
      <c r="CS25" s="15">
        <v>727286</v>
      </c>
      <c r="CT25" s="15">
        <v>1101311</v>
      </c>
      <c r="CU25" s="15">
        <v>1022182</v>
      </c>
      <c r="CV25" s="15">
        <v>79129</v>
      </c>
      <c r="CW25" s="15">
        <v>225399</v>
      </c>
      <c r="CX25" s="15">
        <v>3383</v>
      </c>
      <c r="CY25" s="15">
        <v>100</v>
      </c>
      <c r="CZ25" s="15">
        <v>0</v>
      </c>
      <c r="DA25" s="15">
        <v>4000</v>
      </c>
      <c r="DB25" s="15">
        <v>0</v>
      </c>
      <c r="DC25" s="15">
        <v>0</v>
      </c>
      <c r="DD25" s="15">
        <v>0</v>
      </c>
      <c r="DE25" s="15">
        <v>0</v>
      </c>
      <c r="DF25" s="15">
        <v>217916</v>
      </c>
      <c r="DG25" s="15">
        <v>0</v>
      </c>
      <c r="DH25" s="15">
        <v>0</v>
      </c>
      <c r="DI25" s="15">
        <v>217916</v>
      </c>
      <c r="DJ25" s="15">
        <v>603296</v>
      </c>
      <c r="DK25" s="15">
        <v>14392115</v>
      </c>
    </row>
    <row r="26" spans="1:115" s="13" customFormat="1" ht="17.25" customHeight="1">
      <c r="A26" s="6" t="s">
        <v>181</v>
      </c>
      <c r="B26" s="15">
        <v>9440262</v>
      </c>
      <c r="C26" s="15">
        <v>104578</v>
      </c>
      <c r="D26" s="15">
        <v>24417</v>
      </c>
      <c r="E26" s="15">
        <v>0</v>
      </c>
      <c r="F26" s="15">
        <v>0</v>
      </c>
      <c r="G26" s="15">
        <v>74727</v>
      </c>
      <c r="H26" s="15">
        <v>0</v>
      </c>
      <c r="I26" s="15">
        <v>5434</v>
      </c>
      <c r="J26" s="15">
        <v>3197</v>
      </c>
      <c r="K26" s="15">
        <v>73174</v>
      </c>
      <c r="L26" s="15">
        <v>104965</v>
      </c>
      <c r="M26" s="15">
        <v>0</v>
      </c>
      <c r="N26" s="15">
        <v>1245576</v>
      </c>
      <c r="O26" s="15">
        <v>0</v>
      </c>
      <c r="P26" s="15">
        <v>0</v>
      </c>
      <c r="Q26" s="15">
        <v>0</v>
      </c>
      <c r="R26" s="15">
        <v>29116</v>
      </c>
      <c r="S26" s="15">
        <v>160111</v>
      </c>
      <c r="T26" s="15">
        <v>315941</v>
      </c>
      <c r="U26" s="15">
        <v>5983</v>
      </c>
      <c r="V26" s="15">
        <v>0</v>
      </c>
      <c r="W26" s="24">
        <v>5948</v>
      </c>
      <c r="X26" s="15">
        <v>35</v>
      </c>
      <c r="Y26" s="15">
        <v>6153</v>
      </c>
      <c r="Z26" s="15">
        <v>513049</v>
      </c>
      <c r="AA26" s="15">
        <v>427881</v>
      </c>
      <c r="AB26" s="15">
        <v>85168</v>
      </c>
      <c r="AC26" s="15">
        <v>47193</v>
      </c>
      <c r="AD26" s="15">
        <v>0</v>
      </c>
      <c r="AE26" s="15">
        <v>0</v>
      </c>
      <c r="AF26" s="15">
        <v>0</v>
      </c>
      <c r="AG26" s="15">
        <v>0</v>
      </c>
      <c r="AH26" s="15">
        <v>0</v>
      </c>
      <c r="AI26" s="15">
        <v>0</v>
      </c>
      <c r="AJ26" s="15">
        <v>47193</v>
      </c>
      <c r="AK26" s="15">
        <v>27434</v>
      </c>
      <c r="AL26" s="15">
        <v>8107</v>
      </c>
      <c r="AM26" s="15">
        <v>19327</v>
      </c>
      <c r="AN26" s="15">
        <v>3309938</v>
      </c>
      <c r="AO26" s="15">
        <v>0</v>
      </c>
      <c r="AP26" s="15">
        <v>0</v>
      </c>
      <c r="AQ26" s="15">
        <v>795988</v>
      </c>
      <c r="AR26" s="15">
        <v>525601</v>
      </c>
      <c r="AS26" s="15">
        <v>648155</v>
      </c>
      <c r="AT26" s="15">
        <v>0</v>
      </c>
      <c r="AU26" s="15">
        <v>161949</v>
      </c>
      <c r="AV26" s="15">
        <v>0</v>
      </c>
      <c r="AW26" s="15">
        <v>0</v>
      </c>
      <c r="AX26" s="15">
        <v>12070</v>
      </c>
      <c r="AY26" s="15">
        <v>0</v>
      </c>
      <c r="AZ26" s="15">
        <v>0</v>
      </c>
      <c r="BA26" s="15">
        <v>12070</v>
      </c>
      <c r="BB26" s="15">
        <v>0</v>
      </c>
      <c r="BC26" s="15">
        <v>37097</v>
      </c>
      <c r="BD26" s="15">
        <v>0</v>
      </c>
      <c r="BE26" s="15">
        <v>0</v>
      </c>
      <c r="BF26" s="15">
        <v>24325</v>
      </c>
      <c r="BG26" s="15">
        <v>0</v>
      </c>
      <c r="BH26" s="15">
        <v>0</v>
      </c>
      <c r="BI26" s="15">
        <v>0</v>
      </c>
      <c r="BJ26" s="15">
        <v>0</v>
      </c>
      <c r="BK26" s="15">
        <v>711891</v>
      </c>
      <c r="BL26" s="15">
        <v>49934</v>
      </c>
      <c r="BM26" s="15">
        <v>342928</v>
      </c>
      <c r="BN26" s="15">
        <v>0</v>
      </c>
      <c r="BO26" s="15">
        <v>1318241</v>
      </c>
      <c r="BP26" s="15">
        <v>880392</v>
      </c>
      <c r="BQ26" s="15">
        <v>339374</v>
      </c>
      <c r="BR26" s="15">
        <v>248917</v>
      </c>
      <c r="BS26" s="15">
        <v>111092</v>
      </c>
      <c r="BT26" s="15">
        <v>0</v>
      </c>
      <c r="BU26" s="15">
        <v>0</v>
      </c>
      <c r="BV26" s="15">
        <v>21581</v>
      </c>
      <c r="BW26" s="15">
        <v>0</v>
      </c>
      <c r="BX26" s="15">
        <v>0</v>
      </c>
      <c r="BY26" s="15">
        <v>21581</v>
      </c>
      <c r="BZ26" s="15">
        <v>0</v>
      </c>
      <c r="CA26" s="15">
        <v>0</v>
      </c>
      <c r="CB26" s="15">
        <v>0</v>
      </c>
      <c r="CC26" s="15">
        <v>159428</v>
      </c>
      <c r="CD26" s="15">
        <v>437849</v>
      </c>
      <c r="CE26" s="15">
        <v>0</v>
      </c>
      <c r="CF26" s="15">
        <v>0</v>
      </c>
      <c r="CG26" s="15">
        <v>0</v>
      </c>
      <c r="CH26" s="15">
        <v>437849</v>
      </c>
      <c r="CI26" s="15">
        <v>14039</v>
      </c>
      <c r="CJ26" s="15">
        <v>10120</v>
      </c>
      <c r="CK26" s="15">
        <v>3919</v>
      </c>
      <c r="CL26" s="15">
        <v>3737</v>
      </c>
      <c r="CM26" s="15">
        <v>0</v>
      </c>
      <c r="CN26" s="15">
        <v>182</v>
      </c>
      <c r="CO26" s="15">
        <v>75036</v>
      </c>
      <c r="CP26" s="15">
        <v>72679</v>
      </c>
      <c r="CQ26" s="15">
        <v>0</v>
      </c>
      <c r="CR26" s="15">
        <v>2357</v>
      </c>
      <c r="CS26" s="15">
        <v>1438141</v>
      </c>
      <c r="CT26" s="15">
        <v>1959864</v>
      </c>
      <c r="CU26" s="15">
        <v>1918120</v>
      </c>
      <c r="CV26" s="15">
        <v>41744</v>
      </c>
      <c r="CW26" s="15">
        <v>829974</v>
      </c>
      <c r="CX26" s="15">
        <v>8795</v>
      </c>
      <c r="CY26" s="15">
        <v>521</v>
      </c>
      <c r="CZ26" s="15">
        <v>0</v>
      </c>
      <c r="DA26" s="15">
        <v>90000</v>
      </c>
      <c r="DB26" s="15">
        <v>0</v>
      </c>
      <c r="DC26" s="15">
        <v>0</v>
      </c>
      <c r="DD26" s="15">
        <v>0</v>
      </c>
      <c r="DE26" s="15">
        <v>0</v>
      </c>
      <c r="DF26" s="15">
        <v>730658</v>
      </c>
      <c r="DG26" s="15">
        <v>0</v>
      </c>
      <c r="DH26" s="15">
        <v>0</v>
      </c>
      <c r="DI26" s="15">
        <v>730658</v>
      </c>
      <c r="DJ26" s="15">
        <v>887100</v>
      </c>
      <c r="DK26" s="15">
        <v>21909065</v>
      </c>
    </row>
    <row r="27" spans="1:115" s="13" customFormat="1" ht="17.25" customHeight="1">
      <c r="A27" s="6" t="s">
        <v>182</v>
      </c>
      <c r="B27" s="15">
        <v>4815786</v>
      </c>
      <c r="C27" s="15">
        <v>65692</v>
      </c>
      <c r="D27" s="15">
        <v>15260</v>
      </c>
      <c r="E27" s="15">
        <v>0</v>
      </c>
      <c r="F27" s="15">
        <v>0</v>
      </c>
      <c r="G27" s="15">
        <v>46704</v>
      </c>
      <c r="H27" s="15">
        <v>0</v>
      </c>
      <c r="I27" s="15">
        <v>3728</v>
      </c>
      <c r="J27" s="15">
        <v>2731</v>
      </c>
      <c r="K27" s="15">
        <v>62375</v>
      </c>
      <c r="L27" s="15">
        <v>89287</v>
      </c>
      <c r="M27" s="15">
        <v>0</v>
      </c>
      <c r="N27" s="15">
        <v>704558</v>
      </c>
      <c r="O27" s="15">
        <v>26106</v>
      </c>
      <c r="P27" s="15">
        <v>0</v>
      </c>
      <c r="Q27" s="15">
        <v>0</v>
      </c>
      <c r="R27" s="15">
        <v>18210</v>
      </c>
      <c r="S27" s="15">
        <v>51996</v>
      </c>
      <c r="T27" s="15">
        <v>176474</v>
      </c>
      <c r="U27" s="15">
        <v>1897557</v>
      </c>
      <c r="V27" s="15">
        <v>1767882</v>
      </c>
      <c r="W27" s="24">
        <v>129675</v>
      </c>
      <c r="X27" s="15">
        <v>0</v>
      </c>
      <c r="Y27" s="15">
        <v>2933</v>
      </c>
      <c r="Z27" s="15">
        <v>207580</v>
      </c>
      <c r="AA27" s="15">
        <v>96818</v>
      </c>
      <c r="AB27" s="15">
        <v>110762</v>
      </c>
      <c r="AC27" s="15">
        <v>80008</v>
      </c>
      <c r="AD27" s="15">
        <v>390</v>
      </c>
      <c r="AE27" s="15">
        <v>0</v>
      </c>
      <c r="AF27" s="15">
        <v>390</v>
      </c>
      <c r="AG27" s="15">
        <v>0</v>
      </c>
      <c r="AH27" s="15">
        <v>7154</v>
      </c>
      <c r="AI27" s="15">
        <v>6880</v>
      </c>
      <c r="AJ27" s="15">
        <v>65584</v>
      </c>
      <c r="AK27" s="15">
        <v>54976</v>
      </c>
      <c r="AL27" s="15">
        <v>5831</v>
      </c>
      <c r="AM27" s="15">
        <v>49145</v>
      </c>
      <c r="AN27" s="15">
        <v>1677181</v>
      </c>
      <c r="AO27" s="15">
        <v>0</v>
      </c>
      <c r="AP27" s="15">
        <v>0</v>
      </c>
      <c r="AQ27" s="15">
        <v>311845</v>
      </c>
      <c r="AR27" s="15">
        <v>288139</v>
      </c>
      <c r="AS27" s="15">
        <v>313636</v>
      </c>
      <c r="AT27" s="15">
        <v>0</v>
      </c>
      <c r="AU27" s="15">
        <v>16267</v>
      </c>
      <c r="AV27" s="15">
        <v>0</v>
      </c>
      <c r="AW27" s="15">
        <v>0</v>
      </c>
      <c r="AX27" s="15">
        <v>7647</v>
      </c>
      <c r="AY27" s="15">
        <v>0</v>
      </c>
      <c r="AZ27" s="15">
        <v>0</v>
      </c>
      <c r="BA27" s="15">
        <v>7647</v>
      </c>
      <c r="BB27" s="15">
        <v>0</v>
      </c>
      <c r="BC27" s="15">
        <v>113370</v>
      </c>
      <c r="BD27" s="15">
        <v>0</v>
      </c>
      <c r="BE27" s="15">
        <v>0</v>
      </c>
      <c r="BF27" s="15">
        <v>0</v>
      </c>
      <c r="BG27" s="15">
        <v>0</v>
      </c>
      <c r="BH27" s="15">
        <v>0</v>
      </c>
      <c r="BI27" s="15">
        <v>0</v>
      </c>
      <c r="BJ27" s="15">
        <v>0</v>
      </c>
      <c r="BK27" s="15">
        <v>419184</v>
      </c>
      <c r="BL27" s="15">
        <v>14193</v>
      </c>
      <c r="BM27" s="15">
        <v>192900</v>
      </c>
      <c r="BN27" s="15">
        <v>0</v>
      </c>
      <c r="BO27" s="15">
        <v>853635</v>
      </c>
      <c r="BP27" s="15">
        <v>513887</v>
      </c>
      <c r="BQ27" s="15">
        <v>134487</v>
      </c>
      <c r="BR27" s="15">
        <v>141201</v>
      </c>
      <c r="BS27" s="15">
        <v>54910</v>
      </c>
      <c r="BT27" s="15">
        <v>0</v>
      </c>
      <c r="BU27" s="15">
        <v>0</v>
      </c>
      <c r="BV27" s="15">
        <v>22618</v>
      </c>
      <c r="BW27" s="15">
        <v>0</v>
      </c>
      <c r="BX27" s="15">
        <v>0</v>
      </c>
      <c r="BY27" s="15">
        <v>22618</v>
      </c>
      <c r="BZ27" s="15">
        <v>0</v>
      </c>
      <c r="CA27" s="15">
        <v>0</v>
      </c>
      <c r="CB27" s="15">
        <v>0</v>
      </c>
      <c r="CC27" s="15">
        <v>160671</v>
      </c>
      <c r="CD27" s="15">
        <v>339748</v>
      </c>
      <c r="CE27" s="15">
        <v>0</v>
      </c>
      <c r="CF27" s="15">
        <v>0</v>
      </c>
      <c r="CG27" s="15">
        <v>0</v>
      </c>
      <c r="CH27" s="15">
        <v>339748</v>
      </c>
      <c r="CI27" s="15">
        <v>132242</v>
      </c>
      <c r="CJ27" s="15">
        <v>28779</v>
      </c>
      <c r="CK27" s="15">
        <v>103463</v>
      </c>
      <c r="CL27" s="15">
        <v>100893</v>
      </c>
      <c r="CM27" s="15">
        <v>0</v>
      </c>
      <c r="CN27" s="15">
        <v>2570</v>
      </c>
      <c r="CO27" s="15">
        <v>52127</v>
      </c>
      <c r="CP27" s="15">
        <v>44698</v>
      </c>
      <c r="CQ27" s="15">
        <v>6000</v>
      </c>
      <c r="CR27" s="15">
        <v>1429</v>
      </c>
      <c r="CS27" s="15">
        <v>877497</v>
      </c>
      <c r="CT27" s="15">
        <v>790686</v>
      </c>
      <c r="CU27" s="15">
        <v>727363</v>
      </c>
      <c r="CV27" s="15">
        <v>63323</v>
      </c>
      <c r="CW27" s="15">
        <v>123087</v>
      </c>
      <c r="CX27" s="15">
        <v>4689</v>
      </c>
      <c r="CY27" s="15">
        <v>7987</v>
      </c>
      <c r="CZ27" s="15">
        <v>0</v>
      </c>
      <c r="DA27" s="15">
        <v>27000</v>
      </c>
      <c r="DB27" s="15">
        <v>0</v>
      </c>
      <c r="DC27" s="15">
        <v>0</v>
      </c>
      <c r="DD27" s="15">
        <v>0</v>
      </c>
      <c r="DE27" s="15">
        <v>0</v>
      </c>
      <c r="DF27" s="15">
        <v>83411</v>
      </c>
      <c r="DG27" s="15">
        <v>0</v>
      </c>
      <c r="DH27" s="15">
        <v>0</v>
      </c>
      <c r="DI27" s="15">
        <v>83411</v>
      </c>
      <c r="DJ27" s="15">
        <v>331900</v>
      </c>
      <c r="DK27" s="15">
        <v>13094624</v>
      </c>
    </row>
    <row r="28" spans="1:115" s="13" customFormat="1" ht="17.25" customHeight="1">
      <c r="A28" s="6" t="s">
        <v>183</v>
      </c>
      <c r="B28" s="15">
        <v>3322370</v>
      </c>
      <c r="C28" s="15">
        <v>61679</v>
      </c>
      <c r="D28" s="15">
        <v>14417</v>
      </c>
      <c r="E28" s="15">
        <v>0</v>
      </c>
      <c r="F28" s="15">
        <v>0</v>
      </c>
      <c r="G28" s="15">
        <v>44123</v>
      </c>
      <c r="H28" s="15">
        <v>0</v>
      </c>
      <c r="I28" s="15">
        <v>3139</v>
      </c>
      <c r="J28" s="15">
        <v>2018</v>
      </c>
      <c r="K28" s="15">
        <v>46106</v>
      </c>
      <c r="L28" s="15">
        <v>66012</v>
      </c>
      <c r="M28" s="15">
        <v>0</v>
      </c>
      <c r="N28" s="15">
        <v>603705</v>
      </c>
      <c r="O28" s="15">
        <v>7089</v>
      </c>
      <c r="P28" s="15">
        <v>0</v>
      </c>
      <c r="Q28" s="15">
        <v>0</v>
      </c>
      <c r="R28" s="15">
        <v>17254</v>
      </c>
      <c r="S28" s="15">
        <v>40399</v>
      </c>
      <c r="T28" s="15">
        <v>150666</v>
      </c>
      <c r="U28" s="15">
        <v>2280810</v>
      </c>
      <c r="V28" s="15">
        <v>2171141</v>
      </c>
      <c r="W28" s="24">
        <v>109669</v>
      </c>
      <c r="X28" s="15">
        <v>0</v>
      </c>
      <c r="Y28" s="15">
        <v>3037</v>
      </c>
      <c r="Z28" s="15">
        <v>98130</v>
      </c>
      <c r="AA28" s="15">
        <v>58076</v>
      </c>
      <c r="AB28" s="15">
        <v>40054</v>
      </c>
      <c r="AC28" s="15">
        <v>110664</v>
      </c>
      <c r="AD28" s="15">
        <v>0</v>
      </c>
      <c r="AE28" s="15">
        <v>0</v>
      </c>
      <c r="AF28" s="15">
        <v>0</v>
      </c>
      <c r="AG28" s="15">
        <v>0</v>
      </c>
      <c r="AH28" s="15">
        <v>8965</v>
      </c>
      <c r="AI28" s="15">
        <v>0</v>
      </c>
      <c r="AJ28" s="15">
        <v>101699</v>
      </c>
      <c r="AK28" s="15">
        <v>45994</v>
      </c>
      <c r="AL28" s="15">
        <v>5568</v>
      </c>
      <c r="AM28" s="15">
        <v>40426</v>
      </c>
      <c r="AN28" s="15">
        <v>1346200</v>
      </c>
      <c r="AO28" s="15">
        <v>0</v>
      </c>
      <c r="AP28" s="15">
        <v>0</v>
      </c>
      <c r="AQ28" s="15">
        <v>343324</v>
      </c>
      <c r="AR28" s="15">
        <v>290154</v>
      </c>
      <c r="AS28" s="15">
        <v>242681</v>
      </c>
      <c r="AT28" s="15">
        <v>0</v>
      </c>
      <c r="AU28" s="15">
        <v>10423</v>
      </c>
      <c r="AV28" s="15">
        <v>0</v>
      </c>
      <c r="AW28" s="15">
        <v>0</v>
      </c>
      <c r="AX28" s="15">
        <v>4701</v>
      </c>
      <c r="AY28" s="15">
        <v>0</v>
      </c>
      <c r="AZ28" s="15">
        <v>0</v>
      </c>
      <c r="BA28" s="15">
        <v>4701</v>
      </c>
      <c r="BB28" s="15">
        <v>0</v>
      </c>
      <c r="BC28" s="15">
        <v>24947</v>
      </c>
      <c r="BD28" s="15">
        <v>0</v>
      </c>
      <c r="BE28" s="15">
        <v>0</v>
      </c>
      <c r="BF28" s="15">
        <v>2160</v>
      </c>
      <c r="BG28" s="15">
        <v>0</v>
      </c>
      <c r="BH28" s="15">
        <v>0</v>
      </c>
      <c r="BI28" s="15">
        <v>0</v>
      </c>
      <c r="BJ28" s="15">
        <v>0</v>
      </c>
      <c r="BK28" s="15">
        <v>250801</v>
      </c>
      <c r="BL28" s="15">
        <v>14843</v>
      </c>
      <c r="BM28" s="15">
        <v>162166</v>
      </c>
      <c r="BN28" s="15">
        <v>0</v>
      </c>
      <c r="BO28" s="15">
        <v>729916</v>
      </c>
      <c r="BP28" s="15">
        <v>425644</v>
      </c>
      <c r="BQ28" s="15">
        <v>122077</v>
      </c>
      <c r="BR28" s="15">
        <v>140321</v>
      </c>
      <c r="BS28" s="15">
        <v>42790</v>
      </c>
      <c r="BT28" s="15">
        <v>278</v>
      </c>
      <c r="BU28" s="15">
        <v>0</v>
      </c>
      <c r="BV28" s="15">
        <v>19045</v>
      </c>
      <c r="BW28" s="15">
        <v>0</v>
      </c>
      <c r="BX28" s="15">
        <v>0</v>
      </c>
      <c r="BY28" s="15">
        <v>19045</v>
      </c>
      <c r="BZ28" s="15">
        <v>0</v>
      </c>
      <c r="CA28" s="15">
        <v>0</v>
      </c>
      <c r="CB28" s="15">
        <v>0</v>
      </c>
      <c r="CC28" s="15">
        <v>101133</v>
      </c>
      <c r="CD28" s="15">
        <v>304272</v>
      </c>
      <c r="CE28" s="15">
        <v>0</v>
      </c>
      <c r="CF28" s="15">
        <v>0</v>
      </c>
      <c r="CG28" s="15">
        <v>0</v>
      </c>
      <c r="CH28" s="15">
        <v>304272</v>
      </c>
      <c r="CI28" s="15">
        <v>18209</v>
      </c>
      <c r="CJ28" s="15">
        <v>17245</v>
      </c>
      <c r="CK28" s="15">
        <v>964</v>
      </c>
      <c r="CL28" s="15">
        <v>765</v>
      </c>
      <c r="CM28" s="15">
        <v>0</v>
      </c>
      <c r="CN28" s="15">
        <v>199</v>
      </c>
      <c r="CO28" s="15">
        <v>15326</v>
      </c>
      <c r="CP28" s="15">
        <v>3059</v>
      </c>
      <c r="CQ28" s="15">
        <v>0</v>
      </c>
      <c r="CR28" s="15">
        <v>12267</v>
      </c>
      <c r="CS28" s="15">
        <v>469229</v>
      </c>
      <c r="CT28" s="15">
        <v>578355</v>
      </c>
      <c r="CU28" s="15">
        <v>415496</v>
      </c>
      <c r="CV28" s="15">
        <v>162859</v>
      </c>
      <c r="CW28" s="15">
        <v>96889</v>
      </c>
      <c r="CX28" s="15">
        <v>3606</v>
      </c>
      <c r="CY28" s="15">
        <v>13</v>
      </c>
      <c r="CZ28" s="15">
        <v>0</v>
      </c>
      <c r="DA28" s="15">
        <v>25000</v>
      </c>
      <c r="DB28" s="15">
        <v>0</v>
      </c>
      <c r="DC28" s="15">
        <v>0</v>
      </c>
      <c r="DD28" s="15">
        <v>0</v>
      </c>
      <c r="DE28" s="15">
        <v>0</v>
      </c>
      <c r="DF28" s="15">
        <v>68270</v>
      </c>
      <c r="DG28" s="15">
        <v>0</v>
      </c>
      <c r="DH28" s="15">
        <v>0</v>
      </c>
      <c r="DI28" s="15">
        <v>68270</v>
      </c>
      <c r="DJ28" s="15">
        <v>376300</v>
      </c>
      <c r="DK28" s="15">
        <v>10486357</v>
      </c>
    </row>
    <row r="29" spans="1:115" s="13" customFormat="1" ht="17.25" customHeight="1">
      <c r="A29" s="6" t="s">
        <v>184</v>
      </c>
      <c r="B29" s="15">
        <v>2711234</v>
      </c>
      <c r="C29" s="15">
        <v>40776</v>
      </c>
      <c r="D29" s="15">
        <v>9454</v>
      </c>
      <c r="E29" s="15">
        <v>0</v>
      </c>
      <c r="F29" s="15">
        <v>0</v>
      </c>
      <c r="G29" s="15">
        <v>28934</v>
      </c>
      <c r="H29" s="15">
        <v>0</v>
      </c>
      <c r="I29" s="15">
        <v>2388</v>
      </c>
      <c r="J29" s="15">
        <v>559</v>
      </c>
      <c r="K29" s="15">
        <v>12793</v>
      </c>
      <c r="L29" s="15">
        <v>18288</v>
      </c>
      <c r="M29" s="15">
        <v>0</v>
      </c>
      <c r="N29" s="15">
        <v>280086</v>
      </c>
      <c r="O29" s="15">
        <v>34803</v>
      </c>
      <c r="P29" s="15">
        <v>0</v>
      </c>
      <c r="Q29" s="15">
        <v>0</v>
      </c>
      <c r="R29" s="15">
        <v>11331</v>
      </c>
      <c r="S29" s="15">
        <v>50259</v>
      </c>
      <c r="T29" s="15">
        <v>47139</v>
      </c>
      <c r="U29" s="15">
        <v>313097</v>
      </c>
      <c r="V29" s="15">
        <v>272344</v>
      </c>
      <c r="W29" s="24">
        <v>40753</v>
      </c>
      <c r="X29" s="15">
        <v>0</v>
      </c>
      <c r="Y29" s="15">
        <v>1601</v>
      </c>
      <c r="Z29" s="15">
        <v>15484</v>
      </c>
      <c r="AA29" s="15">
        <v>658</v>
      </c>
      <c r="AB29" s="15">
        <v>14826</v>
      </c>
      <c r="AC29" s="15">
        <v>37844</v>
      </c>
      <c r="AD29" s="15">
        <v>0</v>
      </c>
      <c r="AE29" s="15">
        <v>0</v>
      </c>
      <c r="AF29" s="15">
        <v>0</v>
      </c>
      <c r="AG29" s="15">
        <v>0</v>
      </c>
      <c r="AH29" s="15">
        <v>4367</v>
      </c>
      <c r="AI29" s="15">
        <v>1480</v>
      </c>
      <c r="AJ29" s="15">
        <v>31997</v>
      </c>
      <c r="AK29" s="15">
        <v>5144</v>
      </c>
      <c r="AL29" s="15">
        <v>2532</v>
      </c>
      <c r="AM29" s="15">
        <v>2612</v>
      </c>
      <c r="AN29" s="15">
        <v>458399</v>
      </c>
      <c r="AO29" s="15">
        <v>0</v>
      </c>
      <c r="AP29" s="15">
        <v>0</v>
      </c>
      <c r="AQ29" s="15">
        <v>42645</v>
      </c>
      <c r="AR29" s="15">
        <v>105966</v>
      </c>
      <c r="AS29" s="15">
        <v>89129</v>
      </c>
      <c r="AT29" s="15">
        <v>0</v>
      </c>
      <c r="AU29" s="15">
        <v>25560</v>
      </c>
      <c r="AV29" s="15">
        <v>0</v>
      </c>
      <c r="AW29" s="15">
        <v>0</v>
      </c>
      <c r="AX29" s="15">
        <v>2103</v>
      </c>
      <c r="AY29" s="15">
        <v>0</v>
      </c>
      <c r="AZ29" s="15">
        <v>0</v>
      </c>
      <c r="BA29" s="15">
        <v>2103</v>
      </c>
      <c r="BB29" s="15">
        <v>0</v>
      </c>
      <c r="BC29" s="15">
        <v>22385</v>
      </c>
      <c r="BD29" s="15">
        <v>0</v>
      </c>
      <c r="BE29" s="15">
        <v>0</v>
      </c>
      <c r="BF29" s="15">
        <v>1848</v>
      </c>
      <c r="BG29" s="15">
        <v>0</v>
      </c>
      <c r="BH29" s="15">
        <v>0</v>
      </c>
      <c r="BI29" s="15">
        <v>0</v>
      </c>
      <c r="BJ29" s="15">
        <v>0</v>
      </c>
      <c r="BK29" s="15">
        <v>121274</v>
      </c>
      <c r="BL29" s="15">
        <v>0</v>
      </c>
      <c r="BM29" s="15">
        <v>47489</v>
      </c>
      <c r="BN29" s="15">
        <v>0</v>
      </c>
      <c r="BO29" s="15">
        <v>316387</v>
      </c>
      <c r="BP29" s="15">
        <v>153502</v>
      </c>
      <c r="BQ29" s="15">
        <v>18964</v>
      </c>
      <c r="BR29" s="15">
        <v>51237</v>
      </c>
      <c r="BS29" s="15">
        <v>15249</v>
      </c>
      <c r="BT29" s="15">
        <v>15100</v>
      </c>
      <c r="BU29" s="15">
        <v>5721</v>
      </c>
      <c r="BV29" s="15">
        <v>6556</v>
      </c>
      <c r="BW29" s="15">
        <v>0</v>
      </c>
      <c r="BX29" s="15">
        <v>0</v>
      </c>
      <c r="BY29" s="15">
        <v>6556</v>
      </c>
      <c r="BZ29" s="15">
        <v>0</v>
      </c>
      <c r="CA29" s="15">
        <v>0</v>
      </c>
      <c r="CB29" s="15">
        <v>0</v>
      </c>
      <c r="CC29" s="15">
        <v>40675</v>
      </c>
      <c r="CD29" s="15">
        <v>162885</v>
      </c>
      <c r="CE29" s="15">
        <v>0</v>
      </c>
      <c r="CF29" s="15">
        <v>0</v>
      </c>
      <c r="CG29" s="15">
        <v>0</v>
      </c>
      <c r="CH29" s="15">
        <v>162885</v>
      </c>
      <c r="CI29" s="15">
        <v>1893</v>
      </c>
      <c r="CJ29" s="15">
        <v>1669</v>
      </c>
      <c r="CK29" s="15">
        <v>224</v>
      </c>
      <c r="CL29" s="15">
        <v>0</v>
      </c>
      <c r="CM29" s="15">
        <v>0</v>
      </c>
      <c r="CN29" s="15">
        <v>224</v>
      </c>
      <c r="CO29" s="15">
        <v>150705</v>
      </c>
      <c r="CP29" s="15">
        <v>149687</v>
      </c>
      <c r="CQ29" s="15">
        <v>0</v>
      </c>
      <c r="CR29" s="15">
        <v>1018</v>
      </c>
      <c r="CS29" s="15">
        <v>0</v>
      </c>
      <c r="CT29" s="15">
        <v>262928</v>
      </c>
      <c r="CU29" s="15">
        <v>243091</v>
      </c>
      <c r="CV29" s="15">
        <v>19837</v>
      </c>
      <c r="CW29" s="15">
        <v>194237</v>
      </c>
      <c r="CX29" s="15">
        <v>2463</v>
      </c>
      <c r="CY29" s="15">
        <v>599</v>
      </c>
      <c r="CZ29" s="15">
        <v>0</v>
      </c>
      <c r="DA29" s="15">
        <v>16839</v>
      </c>
      <c r="DB29" s="15">
        <v>0</v>
      </c>
      <c r="DC29" s="15">
        <v>0</v>
      </c>
      <c r="DD29" s="15">
        <v>0</v>
      </c>
      <c r="DE29" s="15">
        <v>0</v>
      </c>
      <c r="DF29" s="15">
        <v>174336</v>
      </c>
      <c r="DG29" s="15">
        <v>0</v>
      </c>
      <c r="DH29" s="15">
        <v>0</v>
      </c>
      <c r="DI29" s="15">
        <v>174336</v>
      </c>
      <c r="DJ29" s="15">
        <v>0</v>
      </c>
      <c r="DK29" s="15">
        <v>4964987</v>
      </c>
    </row>
    <row r="30" spans="1:115" s="13" customFormat="1" ht="17.25" customHeight="1">
      <c r="A30" s="6" t="s">
        <v>185</v>
      </c>
      <c r="B30" s="15">
        <v>2668647</v>
      </c>
      <c r="C30" s="15">
        <v>46273</v>
      </c>
      <c r="D30" s="15">
        <v>10650</v>
      </c>
      <c r="E30" s="15">
        <v>0</v>
      </c>
      <c r="F30" s="15">
        <v>0</v>
      </c>
      <c r="G30" s="15">
        <v>32591</v>
      </c>
      <c r="H30" s="15">
        <v>0</v>
      </c>
      <c r="I30" s="15">
        <v>3032</v>
      </c>
      <c r="J30" s="15">
        <v>1074</v>
      </c>
      <c r="K30" s="15">
        <v>24568</v>
      </c>
      <c r="L30" s="15">
        <v>35185</v>
      </c>
      <c r="M30" s="15">
        <v>0</v>
      </c>
      <c r="N30" s="15">
        <v>416610</v>
      </c>
      <c r="O30" s="15">
        <v>0</v>
      </c>
      <c r="P30" s="15">
        <v>0</v>
      </c>
      <c r="Q30" s="15">
        <v>0</v>
      </c>
      <c r="R30" s="15">
        <v>12702</v>
      </c>
      <c r="S30" s="15">
        <v>44927</v>
      </c>
      <c r="T30" s="15">
        <v>109451</v>
      </c>
      <c r="U30" s="15">
        <v>1319810</v>
      </c>
      <c r="V30" s="15">
        <v>1275735</v>
      </c>
      <c r="W30" s="24">
        <v>44075</v>
      </c>
      <c r="X30" s="15">
        <v>0</v>
      </c>
      <c r="Y30" s="15">
        <v>3042</v>
      </c>
      <c r="Z30" s="15">
        <v>23106</v>
      </c>
      <c r="AA30" s="15">
        <v>209</v>
      </c>
      <c r="AB30" s="15">
        <v>22897</v>
      </c>
      <c r="AC30" s="15">
        <v>50490</v>
      </c>
      <c r="AD30" s="15">
        <v>227</v>
      </c>
      <c r="AE30" s="15">
        <v>0</v>
      </c>
      <c r="AF30" s="15">
        <v>227</v>
      </c>
      <c r="AG30" s="15">
        <v>0</v>
      </c>
      <c r="AH30" s="15">
        <v>7674</v>
      </c>
      <c r="AI30" s="15">
        <v>6563</v>
      </c>
      <c r="AJ30" s="15">
        <v>36026</v>
      </c>
      <c r="AK30" s="15">
        <v>9325</v>
      </c>
      <c r="AL30" s="15">
        <v>2953</v>
      </c>
      <c r="AM30" s="15">
        <v>6372</v>
      </c>
      <c r="AN30" s="15">
        <v>1063910</v>
      </c>
      <c r="AO30" s="15">
        <v>0</v>
      </c>
      <c r="AP30" s="15">
        <v>0</v>
      </c>
      <c r="AQ30" s="15">
        <v>256426</v>
      </c>
      <c r="AR30" s="15">
        <v>162018</v>
      </c>
      <c r="AS30" s="15">
        <v>211109</v>
      </c>
      <c r="AT30" s="15">
        <v>0</v>
      </c>
      <c r="AU30" s="15">
        <v>0</v>
      </c>
      <c r="AV30" s="15">
        <v>1999</v>
      </c>
      <c r="AW30" s="15">
        <v>0</v>
      </c>
      <c r="AX30" s="15">
        <v>3567</v>
      </c>
      <c r="AY30" s="15">
        <v>0</v>
      </c>
      <c r="AZ30" s="15">
        <v>0</v>
      </c>
      <c r="BA30" s="15">
        <v>3567</v>
      </c>
      <c r="BB30" s="15">
        <v>0</v>
      </c>
      <c r="BC30" s="15">
        <v>60683</v>
      </c>
      <c r="BD30" s="15">
        <v>0</v>
      </c>
      <c r="BE30" s="15">
        <v>0</v>
      </c>
      <c r="BF30" s="15">
        <v>0</v>
      </c>
      <c r="BG30" s="15">
        <v>0</v>
      </c>
      <c r="BH30" s="15">
        <v>0</v>
      </c>
      <c r="BI30" s="15">
        <v>0</v>
      </c>
      <c r="BJ30" s="15">
        <v>0</v>
      </c>
      <c r="BK30" s="15">
        <v>251092</v>
      </c>
      <c r="BL30" s="15">
        <v>143</v>
      </c>
      <c r="BM30" s="15">
        <v>116873</v>
      </c>
      <c r="BN30" s="15">
        <v>0</v>
      </c>
      <c r="BO30" s="15">
        <v>478297</v>
      </c>
      <c r="BP30" s="15">
        <v>254577</v>
      </c>
      <c r="BQ30" s="15">
        <v>106266</v>
      </c>
      <c r="BR30" s="15">
        <v>76796</v>
      </c>
      <c r="BS30" s="15">
        <v>35261</v>
      </c>
      <c r="BT30" s="15">
        <v>0</v>
      </c>
      <c r="BU30" s="15">
        <v>0</v>
      </c>
      <c r="BV30" s="15">
        <v>9537</v>
      </c>
      <c r="BW30" s="15">
        <v>0</v>
      </c>
      <c r="BX30" s="15">
        <v>0</v>
      </c>
      <c r="BY30" s="15">
        <v>9537</v>
      </c>
      <c r="BZ30" s="15">
        <v>0</v>
      </c>
      <c r="CA30" s="15">
        <v>0</v>
      </c>
      <c r="CB30" s="15">
        <v>0</v>
      </c>
      <c r="CC30" s="15">
        <v>26717</v>
      </c>
      <c r="CD30" s="15">
        <v>223720</v>
      </c>
      <c r="CE30" s="15">
        <v>0</v>
      </c>
      <c r="CF30" s="15">
        <v>0</v>
      </c>
      <c r="CG30" s="15">
        <v>0</v>
      </c>
      <c r="CH30" s="15">
        <v>223720</v>
      </c>
      <c r="CI30" s="15">
        <v>20691</v>
      </c>
      <c r="CJ30" s="15">
        <v>20614</v>
      </c>
      <c r="CK30" s="15">
        <v>77</v>
      </c>
      <c r="CL30" s="15">
        <v>0</v>
      </c>
      <c r="CM30" s="15">
        <v>0</v>
      </c>
      <c r="CN30" s="15">
        <v>77</v>
      </c>
      <c r="CO30" s="15">
        <v>24605</v>
      </c>
      <c r="CP30" s="15">
        <v>22647</v>
      </c>
      <c r="CQ30" s="15">
        <v>1200</v>
      </c>
      <c r="CR30" s="15">
        <v>758</v>
      </c>
      <c r="CS30" s="15">
        <v>12526</v>
      </c>
      <c r="CT30" s="15">
        <v>359953</v>
      </c>
      <c r="CU30" s="15">
        <v>355589</v>
      </c>
      <c r="CV30" s="15">
        <v>4364</v>
      </c>
      <c r="CW30" s="15">
        <v>135853</v>
      </c>
      <c r="CX30" s="15">
        <v>2832</v>
      </c>
      <c r="CY30" s="15">
        <v>36</v>
      </c>
      <c r="CZ30" s="15">
        <v>0</v>
      </c>
      <c r="DA30" s="15">
        <v>39589</v>
      </c>
      <c r="DB30" s="15">
        <v>390</v>
      </c>
      <c r="DC30" s="15">
        <v>0</v>
      </c>
      <c r="DD30" s="15">
        <v>390</v>
      </c>
      <c r="DE30" s="15">
        <v>0</v>
      </c>
      <c r="DF30" s="15">
        <v>93006</v>
      </c>
      <c r="DG30" s="15">
        <v>0</v>
      </c>
      <c r="DH30" s="15">
        <v>0</v>
      </c>
      <c r="DI30" s="15">
        <v>93006</v>
      </c>
      <c r="DJ30" s="15">
        <v>20000</v>
      </c>
      <c r="DK30" s="15">
        <v>6881045</v>
      </c>
    </row>
    <row r="31" spans="1:115" s="13" customFormat="1" ht="17.25" customHeight="1">
      <c r="A31" s="6" t="s">
        <v>186</v>
      </c>
      <c r="B31" s="15">
        <v>1532945</v>
      </c>
      <c r="C31" s="15">
        <v>33240</v>
      </c>
      <c r="D31" s="15">
        <v>6471</v>
      </c>
      <c r="E31" s="15">
        <v>0</v>
      </c>
      <c r="F31" s="15">
        <v>0</v>
      </c>
      <c r="G31" s="15">
        <v>19807</v>
      </c>
      <c r="H31" s="15">
        <v>0</v>
      </c>
      <c r="I31" s="15">
        <v>6962</v>
      </c>
      <c r="J31" s="15">
        <v>693</v>
      </c>
      <c r="K31" s="15">
        <v>15847</v>
      </c>
      <c r="L31" s="15">
        <v>22675</v>
      </c>
      <c r="M31" s="15">
        <v>0</v>
      </c>
      <c r="N31" s="15">
        <v>258871</v>
      </c>
      <c r="O31" s="15">
        <v>56304</v>
      </c>
      <c r="P31" s="15">
        <v>0</v>
      </c>
      <c r="Q31" s="15">
        <v>0</v>
      </c>
      <c r="R31" s="15">
        <v>7738</v>
      </c>
      <c r="S31" s="15">
        <v>26195</v>
      </c>
      <c r="T31" s="15">
        <v>55348</v>
      </c>
      <c r="U31" s="15">
        <v>1483181</v>
      </c>
      <c r="V31" s="15">
        <v>1380307</v>
      </c>
      <c r="W31" s="24">
        <v>102874</v>
      </c>
      <c r="X31" s="15">
        <v>0</v>
      </c>
      <c r="Y31" s="15">
        <v>1364</v>
      </c>
      <c r="Z31" s="15">
        <v>36874</v>
      </c>
      <c r="AA31" s="15">
        <v>10806</v>
      </c>
      <c r="AB31" s="15">
        <v>26068</v>
      </c>
      <c r="AC31" s="15">
        <v>71188</v>
      </c>
      <c r="AD31" s="15">
        <v>105</v>
      </c>
      <c r="AE31" s="15">
        <v>0</v>
      </c>
      <c r="AF31" s="15">
        <v>105</v>
      </c>
      <c r="AG31" s="15">
        <v>0</v>
      </c>
      <c r="AH31" s="15">
        <v>0</v>
      </c>
      <c r="AI31" s="15">
        <v>31143</v>
      </c>
      <c r="AJ31" s="15">
        <v>39940</v>
      </c>
      <c r="AK31" s="15">
        <v>7543</v>
      </c>
      <c r="AL31" s="15">
        <v>2111</v>
      </c>
      <c r="AM31" s="15">
        <v>5432</v>
      </c>
      <c r="AN31" s="15">
        <v>738380</v>
      </c>
      <c r="AO31" s="15">
        <v>0</v>
      </c>
      <c r="AP31" s="15">
        <v>0</v>
      </c>
      <c r="AQ31" s="15">
        <v>113097</v>
      </c>
      <c r="AR31" s="15">
        <v>184889</v>
      </c>
      <c r="AS31" s="15">
        <v>88378</v>
      </c>
      <c r="AT31" s="15">
        <v>0</v>
      </c>
      <c r="AU31" s="15">
        <v>0</v>
      </c>
      <c r="AV31" s="15">
        <v>0</v>
      </c>
      <c r="AW31" s="15">
        <v>0</v>
      </c>
      <c r="AX31" s="15">
        <v>3381</v>
      </c>
      <c r="AY31" s="15">
        <v>0</v>
      </c>
      <c r="AZ31" s="15">
        <v>0</v>
      </c>
      <c r="BA31" s="15">
        <v>3381</v>
      </c>
      <c r="BB31" s="15">
        <v>0</v>
      </c>
      <c r="BC31" s="15">
        <v>14665</v>
      </c>
      <c r="BD31" s="15">
        <v>0</v>
      </c>
      <c r="BE31" s="15">
        <v>0</v>
      </c>
      <c r="BF31" s="15">
        <v>26153</v>
      </c>
      <c r="BG31" s="15">
        <v>0</v>
      </c>
      <c r="BH31" s="15">
        <v>0</v>
      </c>
      <c r="BI31" s="15">
        <v>0</v>
      </c>
      <c r="BJ31" s="15">
        <v>0</v>
      </c>
      <c r="BK31" s="15">
        <v>149885</v>
      </c>
      <c r="BL31" s="15">
        <v>973</v>
      </c>
      <c r="BM31" s="15">
        <v>156959</v>
      </c>
      <c r="BN31" s="15">
        <v>0</v>
      </c>
      <c r="BO31" s="15">
        <v>438514</v>
      </c>
      <c r="BP31" s="15">
        <v>222506</v>
      </c>
      <c r="BQ31" s="15">
        <v>48014</v>
      </c>
      <c r="BR31" s="15">
        <v>86365</v>
      </c>
      <c r="BS31" s="15">
        <v>14991</v>
      </c>
      <c r="BT31" s="15">
        <v>0</v>
      </c>
      <c r="BU31" s="15">
        <v>0</v>
      </c>
      <c r="BV31" s="15">
        <v>11104</v>
      </c>
      <c r="BW31" s="15">
        <v>0</v>
      </c>
      <c r="BX31" s="15">
        <v>0</v>
      </c>
      <c r="BY31" s="15">
        <v>11104</v>
      </c>
      <c r="BZ31" s="15">
        <v>0</v>
      </c>
      <c r="CA31" s="15">
        <v>0</v>
      </c>
      <c r="CB31" s="15">
        <v>0</v>
      </c>
      <c r="CC31" s="15">
        <v>62032</v>
      </c>
      <c r="CD31" s="15">
        <v>216008</v>
      </c>
      <c r="CE31" s="15">
        <v>0</v>
      </c>
      <c r="CF31" s="15">
        <v>0</v>
      </c>
      <c r="CG31" s="15">
        <v>0</v>
      </c>
      <c r="CH31" s="15">
        <v>216008</v>
      </c>
      <c r="CI31" s="15">
        <v>44194</v>
      </c>
      <c r="CJ31" s="15">
        <v>42274</v>
      </c>
      <c r="CK31" s="15">
        <v>1920</v>
      </c>
      <c r="CL31" s="15">
        <v>0</v>
      </c>
      <c r="CM31" s="15">
        <v>0</v>
      </c>
      <c r="CN31" s="15">
        <v>1920</v>
      </c>
      <c r="CO31" s="15">
        <v>190079</v>
      </c>
      <c r="CP31" s="15">
        <v>182079</v>
      </c>
      <c r="CQ31" s="15">
        <v>8000</v>
      </c>
      <c r="CR31" s="15">
        <v>0</v>
      </c>
      <c r="CS31" s="15">
        <v>179530</v>
      </c>
      <c r="CT31" s="15">
        <v>477637</v>
      </c>
      <c r="CU31" s="15">
        <v>406973</v>
      </c>
      <c r="CV31" s="15">
        <v>70664</v>
      </c>
      <c r="CW31" s="15">
        <v>137892</v>
      </c>
      <c r="CX31" s="15">
        <v>608</v>
      </c>
      <c r="CY31" s="15">
        <v>52</v>
      </c>
      <c r="CZ31" s="15">
        <v>0</v>
      </c>
      <c r="DA31" s="15">
        <v>5000</v>
      </c>
      <c r="DB31" s="15">
        <v>815</v>
      </c>
      <c r="DC31" s="15">
        <v>581</v>
      </c>
      <c r="DD31" s="15">
        <v>234</v>
      </c>
      <c r="DE31" s="15">
        <v>0</v>
      </c>
      <c r="DF31" s="15">
        <v>131417</v>
      </c>
      <c r="DG31" s="15">
        <v>6163</v>
      </c>
      <c r="DH31" s="15">
        <v>0</v>
      </c>
      <c r="DI31" s="15">
        <v>125254</v>
      </c>
      <c r="DJ31" s="15">
        <v>223500</v>
      </c>
      <c r="DK31" s="15">
        <v>6039732</v>
      </c>
    </row>
    <row r="32" spans="1:115" s="13" customFormat="1" ht="17.25" customHeight="1">
      <c r="A32" s="6" t="s">
        <v>187</v>
      </c>
      <c r="B32" s="15">
        <v>1608022</v>
      </c>
      <c r="C32" s="15">
        <v>55324</v>
      </c>
      <c r="D32" s="15">
        <v>7954</v>
      </c>
      <c r="E32" s="15">
        <v>0</v>
      </c>
      <c r="F32" s="15">
        <v>0</v>
      </c>
      <c r="G32" s="15">
        <v>24343</v>
      </c>
      <c r="H32" s="15">
        <v>0</v>
      </c>
      <c r="I32" s="15">
        <v>23027</v>
      </c>
      <c r="J32" s="15">
        <v>559</v>
      </c>
      <c r="K32" s="15">
        <v>12771</v>
      </c>
      <c r="L32" s="15">
        <v>18252</v>
      </c>
      <c r="M32" s="15">
        <v>0</v>
      </c>
      <c r="N32" s="15">
        <v>247278</v>
      </c>
      <c r="O32" s="15">
        <v>9541</v>
      </c>
      <c r="P32" s="15">
        <v>0</v>
      </c>
      <c r="Q32" s="15">
        <v>0</v>
      </c>
      <c r="R32" s="15">
        <v>9510</v>
      </c>
      <c r="S32" s="15">
        <v>30341</v>
      </c>
      <c r="T32" s="15">
        <v>49438</v>
      </c>
      <c r="U32" s="15">
        <v>1910005</v>
      </c>
      <c r="V32" s="15">
        <v>1757390</v>
      </c>
      <c r="W32" s="24">
        <v>152615</v>
      </c>
      <c r="X32" s="15">
        <v>0</v>
      </c>
      <c r="Y32" s="15">
        <v>2208</v>
      </c>
      <c r="Z32" s="15">
        <v>32718</v>
      </c>
      <c r="AA32" s="15">
        <v>31946</v>
      </c>
      <c r="AB32" s="15">
        <v>772</v>
      </c>
      <c r="AC32" s="15">
        <v>150778</v>
      </c>
      <c r="AD32" s="15">
        <v>75</v>
      </c>
      <c r="AE32" s="15">
        <v>0</v>
      </c>
      <c r="AF32" s="15">
        <v>75</v>
      </c>
      <c r="AG32" s="15">
        <v>0</v>
      </c>
      <c r="AH32" s="15">
        <v>7490</v>
      </c>
      <c r="AI32" s="15">
        <v>77138</v>
      </c>
      <c r="AJ32" s="15">
        <v>66075</v>
      </c>
      <c r="AK32" s="15">
        <v>12955</v>
      </c>
      <c r="AL32" s="15">
        <v>2737</v>
      </c>
      <c r="AM32" s="15">
        <v>10218</v>
      </c>
      <c r="AN32" s="15">
        <v>512223</v>
      </c>
      <c r="AO32" s="15">
        <v>0</v>
      </c>
      <c r="AP32" s="15">
        <v>0</v>
      </c>
      <c r="AQ32" s="15">
        <v>26331</v>
      </c>
      <c r="AR32" s="15">
        <v>146857</v>
      </c>
      <c r="AS32" s="15">
        <v>72879</v>
      </c>
      <c r="AT32" s="15">
        <v>0</v>
      </c>
      <c r="AU32" s="15">
        <v>15430</v>
      </c>
      <c r="AV32" s="15">
        <v>0</v>
      </c>
      <c r="AW32" s="15">
        <v>0</v>
      </c>
      <c r="AX32" s="15">
        <v>2473</v>
      </c>
      <c r="AY32" s="15">
        <v>0</v>
      </c>
      <c r="AZ32" s="15">
        <v>0</v>
      </c>
      <c r="BA32" s="15">
        <v>2473</v>
      </c>
      <c r="BB32" s="15">
        <v>0</v>
      </c>
      <c r="BC32" s="15">
        <v>32171</v>
      </c>
      <c r="BD32" s="15">
        <v>0</v>
      </c>
      <c r="BE32" s="15">
        <v>0</v>
      </c>
      <c r="BF32" s="15">
        <v>2244</v>
      </c>
      <c r="BG32" s="15">
        <v>0</v>
      </c>
      <c r="BH32" s="15">
        <v>0</v>
      </c>
      <c r="BI32" s="15">
        <v>0</v>
      </c>
      <c r="BJ32" s="15">
        <v>0</v>
      </c>
      <c r="BK32" s="15">
        <v>168861</v>
      </c>
      <c r="BL32" s="15">
        <v>0</v>
      </c>
      <c r="BM32" s="15">
        <v>44977</v>
      </c>
      <c r="BN32" s="15">
        <v>0</v>
      </c>
      <c r="BO32" s="15">
        <v>408835</v>
      </c>
      <c r="BP32" s="15">
        <v>256013</v>
      </c>
      <c r="BQ32" s="15">
        <v>12652</v>
      </c>
      <c r="BR32" s="15">
        <v>71993</v>
      </c>
      <c r="BS32" s="15">
        <v>13168</v>
      </c>
      <c r="BT32" s="15">
        <v>102828</v>
      </c>
      <c r="BU32" s="15">
        <v>0</v>
      </c>
      <c r="BV32" s="15">
        <v>10673</v>
      </c>
      <c r="BW32" s="15">
        <v>0</v>
      </c>
      <c r="BX32" s="15">
        <v>0</v>
      </c>
      <c r="BY32" s="15">
        <v>10673</v>
      </c>
      <c r="BZ32" s="15">
        <v>11150</v>
      </c>
      <c r="CA32" s="15">
        <v>0</v>
      </c>
      <c r="CB32" s="15">
        <v>0</v>
      </c>
      <c r="CC32" s="15">
        <v>33549</v>
      </c>
      <c r="CD32" s="15">
        <v>152822</v>
      </c>
      <c r="CE32" s="15">
        <v>0</v>
      </c>
      <c r="CF32" s="15">
        <v>0</v>
      </c>
      <c r="CG32" s="15">
        <v>0</v>
      </c>
      <c r="CH32" s="15">
        <v>152822</v>
      </c>
      <c r="CI32" s="15">
        <v>44272</v>
      </c>
      <c r="CJ32" s="15">
        <v>31752</v>
      </c>
      <c r="CK32" s="15">
        <v>12520</v>
      </c>
      <c r="CL32" s="15">
        <v>1102</v>
      </c>
      <c r="CM32" s="15">
        <v>0</v>
      </c>
      <c r="CN32" s="15">
        <v>11418</v>
      </c>
      <c r="CO32" s="15">
        <v>336119</v>
      </c>
      <c r="CP32" s="15">
        <v>332586</v>
      </c>
      <c r="CQ32" s="15">
        <v>1200</v>
      </c>
      <c r="CR32" s="15">
        <v>2333</v>
      </c>
      <c r="CS32" s="15">
        <v>232038</v>
      </c>
      <c r="CT32" s="15">
        <v>217678</v>
      </c>
      <c r="CU32" s="15">
        <v>212919</v>
      </c>
      <c r="CV32" s="15">
        <v>4759</v>
      </c>
      <c r="CW32" s="15">
        <v>107088</v>
      </c>
      <c r="CX32" s="15">
        <v>423</v>
      </c>
      <c r="CY32" s="15">
        <v>8</v>
      </c>
      <c r="CZ32" s="15">
        <v>0</v>
      </c>
      <c r="DA32" s="15">
        <v>1520</v>
      </c>
      <c r="DB32" s="15">
        <v>0</v>
      </c>
      <c r="DC32" s="15">
        <v>0</v>
      </c>
      <c r="DD32" s="15">
        <v>0</v>
      </c>
      <c r="DE32" s="15">
        <v>0</v>
      </c>
      <c r="DF32" s="15">
        <v>105137</v>
      </c>
      <c r="DG32" s="15">
        <v>0</v>
      </c>
      <c r="DH32" s="15">
        <v>0</v>
      </c>
      <c r="DI32" s="15">
        <v>105137</v>
      </c>
      <c r="DJ32" s="15">
        <v>212792</v>
      </c>
      <c r="DK32" s="15">
        <v>6220745</v>
      </c>
    </row>
    <row r="33" spans="1:115" s="13" customFormat="1" ht="17.25" customHeight="1">
      <c r="A33" s="6" t="s">
        <v>188</v>
      </c>
      <c r="B33" s="15">
        <v>3528370</v>
      </c>
      <c r="C33" s="15">
        <v>44743</v>
      </c>
      <c r="D33" s="15">
        <v>9734</v>
      </c>
      <c r="E33" s="15">
        <v>0</v>
      </c>
      <c r="F33" s="15">
        <v>0</v>
      </c>
      <c r="G33" s="15">
        <v>29792</v>
      </c>
      <c r="H33" s="15">
        <v>0</v>
      </c>
      <c r="I33" s="15">
        <v>5217</v>
      </c>
      <c r="J33" s="15">
        <v>1332</v>
      </c>
      <c r="K33" s="15">
        <v>30485</v>
      </c>
      <c r="L33" s="15">
        <v>43719</v>
      </c>
      <c r="M33" s="15">
        <v>0</v>
      </c>
      <c r="N33" s="15">
        <v>447877</v>
      </c>
      <c r="O33" s="15">
        <v>0</v>
      </c>
      <c r="P33" s="15">
        <v>0</v>
      </c>
      <c r="Q33" s="15">
        <v>0</v>
      </c>
      <c r="R33" s="15">
        <v>11660</v>
      </c>
      <c r="S33" s="15">
        <v>49130</v>
      </c>
      <c r="T33" s="15">
        <v>120123</v>
      </c>
      <c r="U33" s="15">
        <v>714922</v>
      </c>
      <c r="V33" s="15">
        <v>680803</v>
      </c>
      <c r="W33" s="24">
        <v>34119</v>
      </c>
      <c r="X33" s="15">
        <v>0</v>
      </c>
      <c r="Y33" s="15">
        <v>1906</v>
      </c>
      <c r="Z33" s="15">
        <v>86333</v>
      </c>
      <c r="AA33" s="15">
        <v>2733</v>
      </c>
      <c r="AB33" s="15">
        <v>83600</v>
      </c>
      <c r="AC33" s="15">
        <v>11645</v>
      </c>
      <c r="AD33" s="15">
        <v>93</v>
      </c>
      <c r="AE33" s="15">
        <v>0</v>
      </c>
      <c r="AF33" s="15">
        <v>93</v>
      </c>
      <c r="AG33" s="15">
        <v>0</v>
      </c>
      <c r="AH33" s="15">
        <v>0</v>
      </c>
      <c r="AI33" s="15">
        <v>6631</v>
      </c>
      <c r="AJ33" s="15">
        <v>4921</v>
      </c>
      <c r="AK33" s="15">
        <v>11281</v>
      </c>
      <c r="AL33" s="15">
        <v>2384</v>
      </c>
      <c r="AM33" s="15">
        <v>8897</v>
      </c>
      <c r="AN33" s="15">
        <v>1314756</v>
      </c>
      <c r="AO33" s="15">
        <v>0</v>
      </c>
      <c r="AP33" s="15">
        <v>0</v>
      </c>
      <c r="AQ33" s="15">
        <v>364718</v>
      </c>
      <c r="AR33" s="15">
        <v>168260</v>
      </c>
      <c r="AS33" s="15">
        <v>249662</v>
      </c>
      <c r="AT33" s="15">
        <v>0</v>
      </c>
      <c r="AU33" s="15">
        <v>0</v>
      </c>
      <c r="AV33" s="15">
        <v>0</v>
      </c>
      <c r="AW33" s="15">
        <v>0</v>
      </c>
      <c r="AX33" s="15">
        <v>2971</v>
      </c>
      <c r="AY33" s="15">
        <v>0</v>
      </c>
      <c r="AZ33" s="15">
        <v>0</v>
      </c>
      <c r="BA33" s="15">
        <v>2971</v>
      </c>
      <c r="BB33" s="15">
        <v>0</v>
      </c>
      <c r="BC33" s="15">
        <v>128443</v>
      </c>
      <c r="BD33" s="15">
        <v>0</v>
      </c>
      <c r="BE33" s="15">
        <v>0</v>
      </c>
      <c r="BF33" s="15">
        <v>0</v>
      </c>
      <c r="BG33" s="15">
        <v>0</v>
      </c>
      <c r="BH33" s="15">
        <v>0</v>
      </c>
      <c r="BI33" s="15">
        <v>0</v>
      </c>
      <c r="BJ33" s="15">
        <v>0</v>
      </c>
      <c r="BK33" s="15">
        <v>215358</v>
      </c>
      <c r="BL33" s="15">
        <v>141</v>
      </c>
      <c r="BM33" s="15">
        <v>185203</v>
      </c>
      <c r="BN33" s="15">
        <v>0</v>
      </c>
      <c r="BO33" s="15">
        <v>563544</v>
      </c>
      <c r="BP33" s="15">
        <v>348286</v>
      </c>
      <c r="BQ33" s="15">
        <v>151881</v>
      </c>
      <c r="BR33" s="15">
        <v>81898</v>
      </c>
      <c r="BS33" s="15">
        <v>42071</v>
      </c>
      <c r="BT33" s="15">
        <v>0</v>
      </c>
      <c r="BU33" s="15">
        <v>0</v>
      </c>
      <c r="BV33" s="15">
        <v>10696</v>
      </c>
      <c r="BW33" s="15">
        <v>0</v>
      </c>
      <c r="BX33" s="15">
        <v>0</v>
      </c>
      <c r="BY33" s="15">
        <v>10696</v>
      </c>
      <c r="BZ33" s="15">
        <v>0</v>
      </c>
      <c r="CA33" s="15">
        <v>0</v>
      </c>
      <c r="CB33" s="15">
        <v>0</v>
      </c>
      <c r="CC33" s="15">
        <v>61740</v>
      </c>
      <c r="CD33" s="15">
        <v>215258</v>
      </c>
      <c r="CE33" s="15">
        <v>0</v>
      </c>
      <c r="CF33" s="15">
        <v>0</v>
      </c>
      <c r="CG33" s="15">
        <v>0</v>
      </c>
      <c r="CH33" s="15">
        <v>215258</v>
      </c>
      <c r="CI33" s="15">
        <v>14675</v>
      </c>
      <c r="CJ33" s="15">
        <v>14341</v>
      </c>
      <c r="CK33" s="15">
        <v>334</v>
      </c>
      <c r="CL33" s="15">
        <v>0</v>
      </c>
      <c r="CM33" s="15">
        <v>0</v>
      </c>
      <c r="CN33" s="15">
        <v>334</v>
      </c>
      <c r="CO33" s="15">
        <v>190116</v>
      </c>
      <c r="CP33" s="15">
        <v>185626</v>
      </c>
      <c r="CQ33" s="15">
        <v>3500</v>
      </c>
      <c r="CR33" s="15">
        <v>990</v>
      </c>
      <c r="CS33" s="15">
        <v>276926</v>
      </c>
      <c r="CT33" s="15">
        <v>673972</v>
      </c>
      <c r="CU33" s="15">
        <v>554523</v>
      </c>
      <c r="CV33" s="15">
        <v>119449</v>
      </c>
      <c r="CW33" s="15">
        <v>175969</v>
      </c>
      <c r="CX33" s="15">
        <v>2632</v>
      </c>
      <c r="CY33" s="15">
        <v>12</v>
      </c>
      <c r="CZ33" s="15">
        <v>0</v>
      </c>
      <c r="DA33" s="15">
        <v>7271</v>
      </c>
      <c r="DB33" s="15">
        <v>0</v>
      </c>
      <c r="DC33" s="15">
        <v>0</v>
      </c>
      <c r="DD33" s="15">
        <v>0</v>
      </c>
      <c r="DE33" s="15">
        <v>0</v>
      </c>
      <c r="DF33" s="15">
        <v>166054</v>
      </c>
      <c r="DG33" s="15">
        <v>13401</v>
      </c>
      <c r="DH33" s="15">
        <v>0</v>
      </c>
      <c r="DI33" s="15">
        <v>152653</v>
      </c>
      <c r="DJ33" s="15">
        <v>560400</v>
      </c>
      <c r="DK33" s="15">
        <v>8873884</v>
      </c>
    </row>
    <row r="34" spans="1:115" s="13" customFormat="1" ht="17.25" customHeight="1">
      <c r="A34" s="6" t="s">
        <v>189</v>
      </c>
      <c r="B34" s="15">
        <v>6382697</v>
      </c>
      <c r="C34" s="15">
        <v>44218</v>
      </c>
      <c r="D34" s="15">
        <v>9066</v>
      </c>
      <c r="E34" s="15">
        <v>0</v>
      </c>
      <c r="F34" s="15">
        <v>0</v>
      </c>
      <c r="G34" s="15">
        <v>27745</v>
      </c>
      <c r="H34" s="15">
        <v>0</v>
      </c>
      <c r="I34" s="15">
        <v>7407</v>
      </c>
      <c r="J34" s="15">
        <v>728</v>
      </c>
      <c r="K34" s="15">
        <v>16590</v>
      </c>
      <c r="L34" s="15">
        <v>23687</v>
      </c>
      <c r="M34" s="15">
        <v>0</v>
      </c>
      <c r="N34" s="15">
        <v>392343</v>
      </c>
      <c r="O34" s="15">
        <v>100058</v>
      </c>
      <c r="P34" s="15">
        <v>0</v>
      </c>
      <c r="Q34" s="15">
        <v>0</v>
      </c>
      <c r="R34" s="15">
        <v>10838</v>
      </c>
      <c r="S34" s="15">
        <v>85859</v>
      </c>
      <c r="T34" s="15">
        <v>48280</v>
      </c>
      <c r="U34" s="15">
        <v>70756</v>
      </c>
      <c r="V34" s="15">
        <v>0</v>
      </c>
      <c r="W34" s="24">
        <v>70756</v>
      </c>
      <c r="X34" s="15">
        <v>0</v>
      </c>
      <c r="Y34" s="15">
        <v>2541</v>
      </c>
      <c r="Z34" s="15">
        <v>23324</v>
      </c>
      <c r="AA34" s="15">
        <v>16579</v>
      </c>
      <c r="AB34" s="15">
        <v>6745</v>
      </c>
      <c r="AC34" s="15">
        <v>234591</v>
      </c>
      <c r="AD34" s="15">
        <v>312</v>
      </c>
      <c r="AE34" s="15">
        <v>0</v>
      </c>
      <c r="AF34" s="15">
        <v>312</v>
      </c>
      <c r="AG34" s="15">
        <v>0</v>
      </c>
      <c r="AH34" s="15">
        <v>742</v>
      </c>
      <c r="AI34" s="15">
        <v>27759</v>
      </c>
      <c r="AJ34" s="15">
        <v>205778</v>
      </c>
      <c r="AK34" s="15">
        <v>180174</v>
      </c>
      <c r="AL34" s="15">
        <v>2268</v>
      </c>
      <c r="AM34" s="15">
        <v>177906</v>
      </c>
      <c r="AN34" s="15">
        <v>747767</v>
      </c>
      <c r="AO34" s="15">
        <v>0</v>
      </c>
      <c r="AP34" s="15">
        <v>0</v>
      </c>
      <c r="AQ34" s="15">
        <v>5168</v>
      </c>
      <c r="AR34" s="15">
        <v>120980</v>
      </c>
      <c r="AS34" s="15">
        <v>64465</v>
      </c>
      <c r="AT34" s="15">
        <v>0</v>
      </c>
      <c r="AU34" s="15">
        <v>0</v>
      </c>
      <c r="AV34" s="15">
        <v>0</v>
      </c>
      <c r="AW34" s="15">
        <v>0</v>
      </c>
      <c r="AX34" s="15">
        <v>3173</v>
      </c>
      <c r="AY34" s="15">
        <v>0</v>
      </c>
      <c r="AZ34" s="15">
        <v>0</v>
      </c>
      <c r="BA34" s="15">
        <v>3173</v>
      </c>
      <c r="BB34" s="15">
        <v>0</v>
      </c>
      <c r="BC34" s="15">
        <v>12806</v>
      </c>
      <c r="BD34" s="15">
        <v>0</v>
      </c>
      <c r="BE34" s="15">
        <v>0</v>
      </c>
      <c r="BF34" s="15">
        <v>10154</v>
      </c>
      <c r="BG34" s="15">
        <v>0</v>
      </c>
      <c r="BH34" s="15">
        <v>0</v>
      </c>
      <c r="BI34" s="15">
        <v>0</v>
      </c>
      <c r="BJ34" s="15">
        <v>0</v>
      </c>
      <c r="BK34" s="15">
        <v>132317</v>
      </c>
      <c r="BL34" s="15">
        <v>310</v>
      </c>
      <c r="BM34" s="15">
        <v>398394</v>
      </c>
      <c r="BN34" s="15">
        <v>0</v>
      </c>
      <c r="BO34" s="15">
        <v>467542</v>
      </c>
      <c r="BP34" s="15">
        <v>117910</v>
      </c>
      <c r="BQ34" s="15">
        <v>2140</v>
      </c>
      <c r="BR34" s="15">
        <v>58446</v>
      </c>
      <c r="BS34" s="15">
        <v>11177</v>
      </c>
      <c r="BT34" s="15">
        <v>0</v>
      </c>
      <c r="BU34" s="15">
        <v>0</v>
      </c>
      <c r="BV34" s="15">
        <v>15084</v>
      </c>
      <c r="BW34" s="15">
        <v>0</v>
      </c>
      <c r="BX34" s="15">
        <v>0</v>
      </c>
      <c r="BY34" s="15">
        <v>15084</v>
      </c>
      <c r="BZ34" s="15">
        <v>4400</v>
      </c>
      <c r="CA34" s="15">
        <v>0</v>
      </c>
      <c r="CB34" s="15">
        <v>0</v>
      </c>
      <c r="CC34" s="15">
        <v>26663</v>
      </c>
      <c r="CD34" s="15">
        <v>349632</v>
      </c>
      <c r="CE34" s="15">
        <v>0</v>
      </c>
      <c r="CF34" s="15">
        <v>0</v>
      </c>
      <c r="CG34" s="15">
        <v>0</v>
      </c>
      <c r="CH34" s="15">
        <v>349632</v>
      </c>
      <c r="CI34" s="15">
        <v>36513</v>
      </c>
      <c r="CJ34" s="15">
        <v>24709</v>
      </c>
      <c r="CK34" s="15">
        <v>11804</v>
      </c>
      <c r="CL34" s="15">
        <v>7229</v>
      </c>
      <c r="CM34" s="15">
        <v>3512</v>
      </c>
      <c r="CN34" s="15">
        <v>1063</v>
      </c>
      <c r="CO34" s="15">
        <v>2687734</v>
      </c>
      <c r="CP34" s="15">
        <v>2676252</v>
      </c>
      <c r="CQ34" s="15">
        <v>4310</v>
      </c>
      <c r="CR34" s="15">
        <v>7172</v>
      </c>
      <c r="CS34" s="15">
        <v>792165</v>
      </c>
      <c r="CT34" s="15">
        <v>476164</v>
      </c>
      <c r="CU34" s="15">
        <v>434144</v>
      </c>
      <c r="CV34" s="15">
        <v>42020</v>
      </c>
      <c r="CW34" s="15">
        <v>213241</v>
      </c>
      <c r="CX34" s="15">
        <v>13695</v>
      </c>
      <c r="CY34" s="15">
        <v>48</v>
      </c>
      <c r="CZ34" s="15">
        <v>0</v>
      </c>
      <c r="DA34" s="15">
        <v>116046</v>
      </c>
      <c r="DB34" s="15">
        <v>0</v>
      </c>
      <c r="DC34" s="15">
        <v>0</v>
      </c>
      <c r="DD34" s="15">
        <v>0</v>
      </c>
      <c r="DE34" s="15">
        <v>0</v>
      </c>
      <c r="DF34" s="15">
        <v>83452</v>
      </c>
      <c r="DG34" s="15">
        <v>0</v>
      </c>
      <c r="DH34" s="15">
        <v>0</v>
      </c>
      <c r="DI34" s="15">
        <v>83452</v>
      </c>
      <c r="DJ34" s="15">
        <v>1556000</v>
      </c>
      <c r="DK34" s="15">
        <v>14593810</v>
      </c>
    </row>
    <row r="35" spans="1:115" s="13" customFormat="1" ht="17.25" customHeight="1">
      <c r="A35" s="6" t="s">
        <v>190</v>
      </c>
      <c r="B35" s="15">
        <v>903221</v>
      </c>
      <c r="C35" s="15">
        <v>17422</v>
      </c>
      <c r="D35" s="15">
        <v>4050</v>
      </c>
      <c r="E35" s="15">
        <v>0</v>
      </c>
      <c r="F35" s="15">
        <v>0</v>
      </c>
      <c r="G35" s="15">
        <v>12397</v>
      </c>
      <c r="H35" s="15">
        <v>0</v>
      </c>
      <c r="I35" s="15">
        <v>975</v>
      </c>
      <c r="J35" s="15">
        <v>376</v>
      </c>
      <c r="K35" s="15">
        <v>8588</v>
      </c>
      <c r="L35" s="15">
        <v>12294</v>
      </c>
      <c r="M35" s="15">
        <v>0</v>
      </c>
      <c r="N35" s="15">
        <v>148201</v>
      </c>
      <c r="O35" s="15">
        <v>0</v>
      </c>
      <c r="P35" s="15">
        <v>0</v>
      </c>
      <c r="Q35" s="15">
        <v>0</v>
      </c>
      <c r="R35" s="15">
        <v>4815</v>
      </c>
      <c r="S35" s="15">
        <v>10322</v>
      </c>
      <c r="T35" s="15">
        <v>29086</v>
      </c>
      <c r="U35" s="15">
        <v>1649067</v>
      </c>
      <c r="V35" s="15">
        <v>1436424</v>
      </c>
      <c r="W35" s="24">
        <v>212643</v>
      </c>
      <c r="X35" s="15">
        <v>0</v>
      </c>
      <c r="Y35" s="15">
        <v>584</v>
      </c>
      <c r="Z35" s="15">
        <v>14288</v>
      </c>
      <c r="AA35" s="15">
        <v>12037</v>
      </c>
      <c r="AB35" s="15">
        <v>2251</v>
      </c>
      <c r="AC35" s="15">
        <v>59176</v>
      </c>
      <c r="AD35" s="15">
        <v>0</v>
      </c>
      <c r="AE35" s="15">
        <v>0</v>
      </c>
      <c r="AF35" s="15">
        <v>0</v>
      </c>
      <c r="AG35" s="15">
        <v>0</v>
      </c>
      <c r="AH35" s="15">
        <v>209</v>
      </c>
      <c r="AI35" s="15">
        <v>7498</v>
      </c>
      <c r="AJ35" s="15">
        <v>51469</v>
      </c>
      <c r="AK35" s="15">
        <v>4868</v>
      </c>
      <c r="AL35" s="15">
        <v>1507</v>
      </c>
      <c r="AM35" s="15">
        <v>3361</v>
      </c>
      <c r="AN35" s="15">
        <v>364532</v>
      </c>
      <c r="AO35" s="15">
        <v>0</v>
      </c>
      <c r="AP35" s="15">
        <v>0</v>
      </c>
      <c r="AQ35" s="15">
        <v>69001</v>
      </c>
      <c r="AR35" s="15">
        <v>74114</v>
      </c>
      <c r="AS35" s="15">
        <v>45376</v>
      </c>
      <c r="AT35" s="15">
        <v>0</v>
      </c>
      <c r="AU35" s="15">
        <v>110</v>
      </c>
      <c r="AV35" s="15">
        <v>0</v>
      </c>
      <c r="AW35" s="15">
        <v>0</v>
      </c>
      <c r="AX35" s="15">
        <v>1951</v>
      </c>
      <c r="AY35" s="15">
        <v>0</v>
      </c>
      <c r="AZ35" s="15">
        <v>0</v>
      </c>
      <c r="BA35" s="15">
        <v>1951</v>
      </c>
      <c r="BB35" s="15">
        <v>0</v>
      </c>
      <c r="BC35" s="15">
        <v>415</v>
      </c>
      <c r="BD35" s="15">
        <v>0</v>
      </c>
      <c r="BE35" s="15">
        <v>0</v>
      </c>
      <c r="BF35" s="15">
        <v>6727</v>
      </c>
      <c r="BG35" s="15">
        <v>0</v>
      </c>
      <c r="BH35" s="15">
        <v>0</v>
      </c>
      <c r="BI35" s="15">
        <v>0</v>
      </c>
      <c r="BJ35" s="15">
        <v>0</v>
      </c>
      <c r="BK35" s="15">
        <v>111965</v>
      </c>
      <c r="BL35" s="15">
        <v>0</v>
      </c>
      <c r="BM35" s="15">
        <v>54873</v>
      </c>
      <c r="BN35" s="15">
        <v>0</v>
      </c>
      <c r="BO35" s="15">
        <v>197023</v>
      </c>
      <c r="BP35" s="15">
        <v>98940</v>
      </c>
      <c r="BQ35" s="15">
        <v>27413</v>
      </c>
      <c r="BR35" s="15">
        <v>39462</v>
      </c>
      <c r="BS35" s="15">
        <v>8052</v>
      </c>
      <c r="BT35" s="15">
        <v>0</v>
      </c>
      <c r="BU35" s="15">
        <v>0</v>
      </c>
      <c r="BV35" s="15">
        <v>9238</v>
      </c>
      <c r="BW35" s="15">
        <v>0</v>
      </c>
      <c r="BX35" s="15">
        <v>0</v>
      </c>
      <c r="BY35" s="15">
        <v>9238</v>
      </c>
      <c r="BZ35" s="15">
        <v>0</v>
      </c>
      <c r="CA35" s="15">
        <v>0</v>
      </c>
      <c r="CB35" s="15">
        <v>0</v>
      </c>
      <c r="CC35" s="15">
        <v>14775</v>
      </c>
      <c r="CD35" s="15">
        <v>98083</v>
      </c>
      <c r="CE35" s="15">
        <v>0</v>
      </c>
      <c r="CF35" s="15">
        <v>0</v>
      </c>
      <c r="CG35" s="15">
        <v>0</v>
      </c>
      <c r="CH35" s="15">
        <v>98083</v>
      </c>
      <c r="CI35" s="15">
        <v>141166</v>
      </c>
      <c r="CJ35" s="15">
        <v>52810</v>
      </c>
      <c r="CK35" s="15">
        <v>88356</v>
      </c>
      <c r="CL35" s="15">
        <v>83474</v>
      </c>
      <c r="CM35" s="15">
        <v>0</v>
      </c>
      <c r="CN35" s="15">
        <v>4882</v>
      </c>
      <c r="CO35" s="15">
        <v>99308</v>
      </c>
      <c r="CP35" s="15">
        <v>12819</v>
      </c>
      <c r="CQ35" s="15">
        <v>0</v>
      </c>
      <c r="CR35" s="15">
        <v>86489</v>
      </c>
      <c r="CS35" s="15">
        <v>195807</v>
      </c>
      <c r="CT35" s="15">
        <v>179087</v>
      </c>
      <c r="CU35" s="15">
        <v>177637</v>
      </c>
      <c r="CV35" s="15">
        <v>1450</v>
      </c>
      <c r="CW35" s="15">
        <v>48326</v>
      </c>
      <c r="CX35" s="15">
        <v>2737</v>
      </c>
      <c r="CY35" s="15">
        <v>0</v>
      </c>
      <c r="CZ35" s="15">
        <v>1524</v>
      </c>
      <c r="DA35" s="15">
        <v>0</v>
      </c>
      <c r="DB35" s="15">
        <v>0</v>
      </c>
      <c r="DC35" s="15">
        <v>0</v>
      </c>
      <c r="DD35" s="15">
        <v>0</v>
      </c>
      <c r="DE35" s="15">
        <v>0</v>
      </c>
      <c r="DF35" s="15">
        <v>44065</v>
      </c>
      <c r="DG35" s="15">
        <v>0</v>
      </c>
      <c r="DH35" s="15">
        <v>0</v>
      </c>
      <c r="DI35" s="15">
        <v>44065</v>
      </c>
      <c r="DJ35" s="15">
        <v>127518</v>
      </c>
      <c r="DK35" s="15">
        <v>4215075</v>
      </c>
    </row>
    <row r="36" spans="1:115" s="13" customFormat="1" ht="17.25" customHeight="1">
      <c r="A36" s="6" t="s">
        <v>207</v>
      </c>
      <c r="B36" s="15">
        <v>3788624</v>
      </c>
      <c r="C36" s="15">
        <v>62986</v>
      </c>
      <c r="D36" s="15">
        <v>13743</v>
      </c>
      <c r="E36" s="15">
        <v>0</v>
      </c>
      <c r="F36" s="15">
        <v>0</v>
      </c>
      <c r="G36" s="15">
        <v>42057</v>
      </c>
      <c r="H36" s="15">
        <v>0</v>
      </c>
      <c r="I36" s="15">
        <v>7186</v>
      </c>
      <c r="J36" s="15">
        <v>1345</v>
      </c>
      <c r="K36" s="15">
        <v>30697</v>
      </c>
      <c r="L36" s="15">
        <v>43903</v>
      </c>
      <c r="M36" s="15">
        <v>0</v>
      </c>
      <c r="N36" s="15">
        <v>561205</v>
      </c>
      <c r="O36" s="15">
        <v>12731</v>
      </c>
      <c r="P36" s="15">
        <v>0</v>
      </c>
      <c r="Q36" s="15">
        <v>0</v>
      </c>
      <c r="R36" s="15">
        <v>16449</v>
      </c>
      <c r="S36" s="15">
        <v>57336</v>
      </c>
      <c r="T36" s="15">
        <v>102613</v>
      </c>
      <c r="U36" s="15">
        <v>2134254</v>
      </c>
      <c r="V36" s="15">
        <v>1956577</v>
      </c>
      <c r="W36" s="24">
        <v>177677</v>
      </c>
      <c r="X36" s="15">
        <v>0</v>
      </c>
      <c r="Y36" s="15">
        <v>2713</v>
      </c>
      <c r="Z36" s="15">
        <v>248074</v>
      </c>
      <c r="AA36" s="15">
        <v>245814</v>
      </c>
      <c r="AB36" s="15">
        <v>2260</v>
      </c>
      <c r="AC36" s="15">
        <v>132225</v>
      </c>
      <c r="AD36" s="15">
        <v>144</v>
      </c>
      <c r="AE36" s="15">
        <v>0</v>
      </c>
      <c r="AF36" s="15">
        <v>144</v>
      </c>
      <c r="AG36" s="15">
        <v>0</v>
      </c>
      <c r="AH36" s="15">
        <v>20851</v>
      </c>
      <c r="AI36" s="15">
        <v>6563</v>
      </c>
      <c r="AJ36" s="15">
        <v>104667</v>
      </c>
      <c r="AK36" s="15">
        <v>14752</v>
      </c>
      <c r="AL36" s="15">
        <v>4085</v>
      </c>
      <c r="AM36" s="15">
        <v>10667</v>
      </c>
      <c r="AN36" s="15">
        <v>1017526</v>
      </c>
      <c r="AO36" s="15">
        <v>0</v>
      </c>
      <c r="AP36" s="15">
        <v>0</v>
      </c>
      <c r="AQ36" s="15">
        <v>54673</v>
      </c>
      <c r="AR36" s="15">
        <v>249074</v>
      </c>
      <c r="AS36" s="15">
        <v>162641</v>
      </c>
      <c r="AT36" s="15">
        <v>0</v>
      </c>
      <c r="AU36" s="15">
        <v>11020</v>
      </c>
      <c r="AV36" s="15">
        <v>5136</v>
      </c>
      <c r="AW36" s="15">
        <v>0</v>
      </c>
      <c r="AX36" s="15">
        <v>7038</v>
      </c>
      <c r="AY36" s="15">
        <v>0</v>
      </c>
      <c r="AZ36" s="15">
        <v>0</v>
      </c>
      <c r="BA36" s="15">
        <v>7038</v>
      </c>
      <c r="BB36" s="15">
        <v>0</v>
      </c>
      <c r="BC36" s="15">
        <v>17716</v>
      </c>
      <c r="BD36" s="15">
        <v>0</v>
      </c>
      <c r="BE36" s="15">
        <v>0</v>
      </c>
      <c r="BF36" s="15">
        <v>40780</v>
      </c>
      <c r="BG36" s="15">
        <v>0</v>
      </c>
      <c r="BH36" s="15">
        <v>0</v>
      </c>
      <c r="BI36" s="15">
        <v>0</v>
      </c>
      <c r="BJ36" s="15">
        <v>0</v>
      </c>
      <c r="BK36" s="15">
        <v>328781</v>
      </c>
      <c r="BL36" s="15">
        <v>976</v>
      </c>
      <c r="BM36" s="15">
        <v>139691</v>
      </c>
      <c r="BN36" s="15">
        <v>0</v>
      </c>
      <c r="BO36" s="15">
        <v>553487</v>
      </c>
      <c r="BP36" s="15">
        <v>258657</v>
      </c>
      <c r="BQ36" s="15">
        <v>25326</v>
      </c>
      <c r="BR36" s="15">
        <v>115865</v>
      </c>
      <c r="BS36" s="15">
        <v>28599</v>
      </c>
      <c r="BT36" s="15">
        <v>0</v>
      </c>
      <c r="BU36" s="15">
        <v>0</v>
      </c>
      <c r="BV36" s="15">
        <v>15473</v>
      </c>
      <c r="BW36" s="15">
        <v>0</v>
      </c>
      <c r="BX36" s="15">
        <v>0</v>
      </c>
      <c r="BY36" s="15">
        <v>15473</v>
      </c>
      <c r="BZ36" s="15">
        <v>0</v>
      </c>
      <c r="CA36" s="15">
        <v>0</v>
      </c>
      <c r="CB36" s="15">
        <v>0</v>
      </c>
      <c r="CC36" s="15">
        <v>73394</v>
      </c>
      <c r="CD36" s="15">
        <v>294830</v>
      </c>
      <c r="CE36" s="15">
        <v>0</v>
      </c>
      <c r="CF36" s="15">
        <v>0</v>
      </c>
      <c r="CG36" s="15">
        <v>0</v>
      </c>
      <c r="CH36" s="15">
        <v>294830</v>
      </c>
      <c r="CI36" s="15">
        <v>46827</v>
      </c>
      <c r="CJ36" s="15">
        <v>43736</v>
      </c>
      <c r="CK36" s="15">
        <v>3091</v>
      </c>
      <c r="CL36" s="15">
        <v>2252</v>
      </c>
      <c r="CM36" s="15">
        <v>0</v>
      </c>
      <c r="CN36" s="15">
        <v>839</v>
      </c>
      <c r="CO36" s="15">
        <v>923937</v>
      </c>
      <c r="CP36" s="15">
        <v>921060</v>
      </c>
      <c r="CQ36" s="15">
        <v>2400</v>
      </c>
      <c r="CR36" s="15">
        <v>477</v>
      </c>
      <c r="CS36" s="15">
        <v>1113187</v>
      </c>
      <c r="CT36" s="15">
        <v>381645</v>
      </c>
      <c r="CU36" s="15">
        <v>287784</v>
      </c>
      <c r="CV36" s="15">
        <v>93861</v>
      </c>
      <c r="CW36" s="15">
        <v>198462</v>
      </c>
      <c r="CX36" s="15">
        <v>6513</v>
      </c>
      <c r="CY36" s="15">
        <v>5</v>
      </c>
      <c r="CZ36" s="15">
        <v>0</v>
      </c>
      <c r="DA36" s="15">
        <v>12081</v>
      </c>
      <c r="DB36" s="15">
        <v>0</v>
      </c>
      <c r="DC36" s="15">
        <v>0</v>
      </c>
      <c r="DD36" s="15">
        <v>0</v>
      </c>
      <c r="DE36" s="15">
        <v>0</v>
      </c>
      <c r="DF36" s="15">
        <v>179863</v>
      </c>
      <c r="DG36" s="15">
        <v>0</v>
      </c>
      <c r="DH36" s="15">
        <v>0</v>
      </c>
      <c r="DI36" s="15">
        <v>179863</v>
      </c>
      <c r="DJ36" s="15">
        <v>171300</v>
      </c>
      <c r="DK36" s="15">
        <v>11616278</v>
      </c>
    </row>
    <row r="37" spans="1:115" s="13" customFormat="1" ht="17.25" customHeight="1">
      <c r="A37" s="6" t="s">
        <v>208</v>
      </c>
      <c r="B37" s="15">
        <v>7902846</v>
      </c>
      <c r="C37" s="15">
        <v>120209</v>
      </c>
      <c r="D37" s="15">
        <v>27691</v>
      </c>
      <c r="E37" s="15">
        <v>0</v>
      </c>
      <c r="F37" s="15">
        <v>0</v>
      </c>
      <c r="G37" s="15">
        <v>84743</v>
      </c>
      <c r="H37" s="15">
        <v>0</v>
      </c>
      <c r="I37" s="15">
        <v>7775</v>
      </c>
      <c r="J37" s="15">
        <v>2306</v>
      </c>
      <c r="K37" s="15">
        <v>52660</v>
      </c>
      <c r="L37" s="15">
        <v>75364</v>
      </c>
      <c r="M37" s="15">
        <v>0</v>
      </c>
      <c r="N37" s="15">
        <v>1071285</v>
      </c>
      <c r="O37" s="15">
        <v>39312</v>
      </c>
      <c r="P37" s="15">
        <v>0</v>
      </c>
      <c r="Q37" s="15">
        <v>0</v>
      </c>
      <c r="R37" s="15">
        <v>33170</v>
      </c>
      <c r="S37" s="15">
        <v>153227</v>
      </c>
      <c r="T37" s="15">
        <v>222317</v>
      </c>
      <c r="U37" s="15">
        <v>281780</v>
      </c>
      <c r="V37" s="15">
        <v>271476</v>
      </c>
      <c r="W37" s="24">
        <v>10304</v>
      </c>
      <c r="X37" s="15">
        <v>0</v>
      </c>
      <c r="Y37" s="15">
        <v>5262</v>
      </c>
      <c r="Z37" s="15">
        <v>24829</v>
      </c>
      <c r="AA37" s="15">
        <v>23461</v>
      </c>
      <c r="AB37" s="15">
        <v>1368</v>
      </c>
      <c r="AC37" s="15">
        <v>230569</v>
      </c>
      <c r="AD37" s="15">
        <v>0</v>
      </c>
      <c r="AE37" s="15">
        <v>0</v>
      </c>
      <c r="AF37" s="15">
        <v>0</v>
      </c>
      <c r="AG37" s="15">
        <v>0</v>
      </c>
      <c r="AH37" s="15">
        <v>24288</v>
      </c>
      <c r="AI37" s="15">
        <v>32012</v>
      </c>
      <c r="AJ37" s="15">
        <v>174269</v>
      </c>
      <c r="AK37" s="15">
        <v>91950</v>
      </c>
      <c r="AL37" s="15">
        <v>5453</v>
      </c>
      <c r="AM37" s="15">
        <v>86497</v>
      </c>
      <c r="AN37" s="15">
        <v>2146928</v>
      </c>
      <c r="AO37" s="15">
        <v>0</v>
      </c>
      <c r="AP37" s="15">
        <v>0</v>
      </c>
      <c r="AQ37" s="15">
        <v>387206</v>
      </c>
      <c r="AR37" s="15">
        <v>508993</v>
      </c>
      <c r="AS37" s="15">
        <v>431580</v>
      </c>
      <c r="AT37" s="15">
        <v>0</v>
      </c>
      <c r="AU37" s="15">
        <v>10017</v>
      </c>
      <c r="AV37" s="15">
        <v>0</v>
      </c>
      <c r="AW37" s="15">
        <v>0</v>
      </c>
      <c r="AX37" s="15">
        <v>18318</v>
      </c>
      <c r="AY37" s="15">
        <v>0</v>
      </c>
      <c r="AZ37" s="15">
        <v>0</v>
      </c>
      <c r="BA37" s="15">
        <v>18318</v>
      </c>
      <c r="BB37" s="15">
        <v>0</v>
      </c>
      <c r="BC37" s="15">
        <v>68326</v>
      </c>
      <c r="BD37" s="15">
        <v>0</v>
      </c>
      <c r="BE37" s="15">
        <v>0</v>
      </c>
      <c r="BF37" s="15">
        <v>0</v>
      </c>
      <c r="BG37" s="15">
        <v>0</v>
      </c>
      <c r="BH37" s="15">
        <v>0</v>
      </c>
      <c r="BI37" s="15">
        <v>0</v>
      </c>
      <c r="BJ37" s="15">
        <v>0</v>
      </c>
      <c r="BK37" s="15">
        <v>564619</v>
      </c>
      <c r="BL37" s="15">
        <v>5707</v>
      </c>
      <c r="BM37" s="15">
        <v>152162</v>
      </c>
      <c r="BN37" s="15">
        <v>0</v>
      </c>
      <c r="BO37" s="15">
        <v>1134590</v>
      </c>
      <c r="BP37" s="15">
        <v>629026</v>
      </c>
      <c r="BQ37" s="15">
        <v>177544</v>
      </c>
      <c r="BR37" s="15">
        <v>239702</v>
      </c>
      <c r="BS37" s="15">
        <v>75996</v>
      </c>
      <c r="BT37" s="15">
        <v>10017</v>
      </c>
      <c r="BU37" s="15">
        <v>0</v>
      </c>
      <c r="BV37" s="15">
        <v>19862</v>
      </c>
      <c r="BW37" s="15">
        <v>0</v>
      </c>
      <c r="BX37" s="15">
        <v>0</v>
      </c>
      <c r="BY37" s="15">
        <v>19862</v>
      </c>
      <c r="BZ37" s="15">
        <v>4400</v>
      </c>
      <c r="CA37" s="15">
        <v>0</v>
      </c>
      <c r="CB37" s="15">
        <v>0</v>
      </c>
      <c r="CC37" s="15">
        <v>101505</v>
      </c>
      <c r="CD37" s="15">
        <v>505564</v>
      </c>
      <c r="CE37" s="15">
        <v>0</v>
      </c>
      <c r="CF37" s="15">
        <v>0</v>
      </c>
      <c r="CG37" s="15">
        <v>0</v>
      </c>
      <c r="CH37" s="15">
        <v>505564</v>
      </c>
      <c r="CI37" s="15">
        <v>9129</v>
      </c>
      <c r="CJ37" s="15">
        <v>2429</v>
      </c>
      <c r="CK37" s="15">
        <v>6700</v>
      </c>
      <c r="CL37" s="15">
        <v>5411</v>
      </c>
      <c r="CM37" s="15">
        <v>347</v>
      </c>
      <c r="CN37" s="15">
        <v>942</v>
      </c>
      <c r="CO37" s="15">
        <v>355447</v>
      </c>
      <c r="CP37" s="15">
        <v>89794</v>
      </c>
      <c r="CQ37" s="15">
        <v>2100</v>
      </c>
      <c r="CR37" s="15">
        <v>263553</v>
      </c>
      <c r="CS37" s="15">
        <v>177960</v>
      </c>
      <c r="CT37" s="15">
        <v>669833</v>
      </c>
      <c r="CU37" s="15">
        <v>558020</v>
      </c>
      <c r="CV37" s="15">
        <v>111813</v>
      </c>
      <c r="CW37" s="15">
        <v>554098</v>
      </c>
      <c r="CX37" s="15">
        <v>16339</v>
      </c>
      <c r="CY37" s="15">
        <v>672</v>
      </c>
      <c r="CZ37" s="15">
        <v>0</v>
      </c>
      <c r="DA37" s="15">
        <v>179631</v>
      </c>
      <c r="DB37" s="15">
        <v>0</v>
      </c>
      <c r="DC37" s="15">
        <v>0</v>
      </c>
      <c r="DD37" s="15">
        <v>0</v>
      </c>
      <c r="DE37" s="15">
        <v>0</v>
      </c>
      <c r="DF37" s="15">
        <v>357456</v>
      </c>
      <c r="DG37" s="15">
        <v>0</v>
      </c>
      <c r="DH37" s="15">
        <v>0</v>
      </c>
      <c r="DI37" s="15">
        <v>357456</v>
      </c>
      <c r="DJ37" s="15">
        <v>337900</v>
      </c>
      <c r="DK37" s="15">
        <v>15692971</v>
      </c>
    </row>
    <row r="38" spans="1:115" ht="17.25" customHeight="1">
      <c r="A38" s="7" t="s">
        <v>209</v>
      </c>
      <c r="B38" s="16">
        <v>1227975</v>
      </c>
      <c r="C38" s="16">
        <v>26385</v>
      </c>
      <c r="D38" s="16">
        <v>2522</v>
      </c>
      <c r="E38" s="16">
        <v>0</v>
      </c>
      <c r="F38" s="16">
        <v>0</v>
      </c>
      <c r="G38" s="16">
        <v>7722</v>
      </c>
      <c r="H38" s="16">
        <v>0</v>
      </c>
      <c r="I38" s="16">
        <v>16141</v>
      </c>
      <c r="J38" s="16">
        <v>168</v>
      </c>
      <c r="K38" s="16">
        <v>3843</v>
      </c>
      <c r="L38" s="16">
        <v>5474</v>
      </c>
      <c r="M38" s="16">
        <v>0</v>
      </c>
      <c r="N38" s="16">
        <v>77978</v>
      </c>
      <c r="O38" s="16">
        <v>16458</v>
      </c>
      <c r="P38" s="16">
        <v>0</v>
      </c>
      <c r="Q38" s="16">
        <v>0</v>
      </c>
      <c r="R38" s="16">
        <v>3017</v>
      </c>
      <c r="S38" s="16">
        <v>9918</v>
      </c>
      <c r="T38" s="16">
        <v>14437</v>
      </c>
      <c r="U38" s="16">
        <v>533129</v>
      </c>
      <c r="V38" s="16">
        <v>469827</v>
      </c>
      <c r="W38" s="26">
        <v>63302</v>
      </c>
      <c r="X38" s="16">
        <v>0</v>
      </c>
      <c r="Y38" s="16">
        <v>0</v>
      </c>
      <c r="Z38" s="16">
        <v>10561</v>
      </c>
      <c r="AA38" s="16">
        <v>7826</v>
      </c>
      <c r="AB38" s="16">
        <v>2735</v>
      </c>
      <c r="AC38" s="16">
        <v>56534</v>
      </c>
      <c r="AD38" s="16">
        <v>9</v>
      </c>
      <c r="AE38" s="16">
        <v>0</v>
      </c>
      <c r="AF38" s="16">
        <v>9</v>
      </c>
      <c r="AG38" s="16">
        <v>0</v>
      </c>
      <c r="AH38" s="16">
        <v>0</v>
      </c>
      <c r="AI38" s="16">
        <v>16780</v>
      </c>
      <c r="AJ38" s="16">
        <v>39745</v>
      </c>
      <c r="AK38" s="16">
        <v>16539</v>
      </c>
      <c r="AL38" s="16">
        <v>522</v>
      </c>
      <c r="AM38" s="16">
        <v>16017</v>
      </c>
      <c r="AN38" s="16">
        <v>163662</v>
      </c>
      <c r="AO38" s="16">
        <v>0</v>
      </c>
      <c r="AP38" s="16">
        <v>0</v>
      </c>
      <c r="AQ38" s="16">
        <v>40364</v>
      </c>
      <c r="AR38" s="16">
        <v>29631</v>
      </c>
      <c r="AS38" s="16">
        <v>23826</v>
      </c>
      <c r="AT38" s="16">
        <v>0</v>
      </c>
      <c r="AU38" s="16">
        <v>3509</v>
      </c>
      <c r="AV38" s="16">
        <v>0</v>
      </c>
      <c r="AW38" s="16">
        <v>0</v>
      </c>
      <c r="AX38" s="16">
        <v>922</v>
      </c>
      <c r="AY38" s="16">
        <v>0</v>
      </c>
      <c r="AZ38" s="16">
        <v>0</v>
      </c>
      <c r="BA38" s="16">
        <v>922</v>
      </c>
      <c r="BB38" s="16">
        <v>0</v>
      </c>
      <c r="BC38" s="16">
        <v>1563</v>
      </c>
      <c r="BD38" s="16">
        <v>0</v>
      </c>
      <c r="BE38" s="16">
        <v>0</v>
      </c>
      <c r="BF38" s="16">
        <v>0</v>
      </c>
      <c r="BG38" s="16">
        <v>0</v>
      </c>
      <c r="BH38" s="16">
        <v>0</v>
      </c>
      <c r="BI38" s="16">
        <v>0</v>
      </c>
      <c r="BJ38" s="16">
        <v>0</v>
      </c>
      <c r="BK38" s="16">
        <v>40736</v>
      </c>
      <c r="BL38" s="16">
        <v>0</v>
      </c>
      <c r="BM38" s="16">
        <v>23111</v>
      </c>
      <c r="BN38" s="16">
        <v>0</v>
      </c>
      <c r="BO38" s="16">
        <v>207373</v>
      </c>
      <c r="BP38" s="16">
        <v>60881</v>
      </c>
      <c r="BQ38" s="16">
        <v>16902</v>
      </c>
      <c r="BR38" s="16">
        <v>14220</v>
      </c>
      <c r="BS38" s="16">
        <v>4312</v>
      </c>
      <c r="BT38" s="16">
        <v>0</v>
      </c>
      <c r="BU38" s="16">
        <v>0</v>
      </c>
      <c r="BV38" s="16">
        <v>3426</v>
      </c>
      <c r="BW38" s="16">
        <v>0</v>
      </c>
      <c r="BX38" s="16">
        <v>0</v>
      </c>
      <c r="BY38" s="16">
        <v>3426</v>
      </c>
      <c r="BZ38" s="16">
        <v>4400</v>
      </c>
      <c r="CA38" s="16">
        <v>0</v>
      </c>
      <c r="CB38" s="16">
        <v>0</v>
      </c>
      <c r="CC38" s="16">
        <v>17621</v>
      </c>
      <c r="CD38" s="16">
        <v>146492</v>
      </c>
      <c r="CE38" s="16">
        <v>0</v>
      </c>
      <c r="CF38" s="16">
        <v>0</v>
      </c>
      <c r="CG38" s="16">
        <v>0</v>
      </c>
      <c r="CH38" s="16">
        <v>146492</v>
      </c>
      <c r="CI38" s="16">
        <v>16142</v>
      </c>
      <c r="CJ38" s="16">
        <v>15738</v>
      </c>
      <c r="CK38" s="16">
        <v>404</v>
      </c>
      <c r="CL38" s="16">
        <v>375</v>
      </c>
      <c r="CM38" s="16">
        <v>0</v>
      </c>
      <c r="CN38" s="16">
        <v>29</v>
      </c>
      <c r="CO38" s="16">
        <v>38454</v>
      </c>
      <c r="CP38" s="16">
        <v>36476</v>
      </c>
      <c r="CQ38" s="16">
        <v>0</v>
      </c>
      <c r="CR38" s="16">
        <v>1978</v>
      </c>
      <c r="CS38" s="16">
        <v>277478</v>
      </c>
      <c r="CT38" s="16">
        <v>130951</v>
      </c>
      <c r="CU38" s="16">
        <v>70578</v>
      </c>
      <c r="CV38" s="16">
        <v>60373</v>
      </c>
      <c r="CW38" s="16">
        <v>40456</v>
      </c>
      <c r="CX38" s="16">
        <v>50</v>
      </c>
      <c r="CY38" s="16">
        <v>306</v>
      </c>
      <c r="CZ38" s="16">
        <v>0</v>
      </c>
      <c r="DA38" s="16">
        <v>6000</v>
      </c>
      <c r="DB38" s="16">
        <v>0</v>
      </c>
      <c r="DC38" s="16">
        <v>0</v>
      </c>
      <c r="DD38" s="16">
        <v>0</v>
      </c>
      <c r="DE38" s="16">
        <v>0</v>
      </c>
      <c r="DF38" s="16">
        <v>34100</v>
      </c>
      <c r="DG38" s="16">
        <v>0</v>
      </c>
      <c r="DH38" s="16">
        <v>0</v>
      </c>
      <c r="DI38" s="16">
        <v>34100</v>
      </c>
      <c r="DJ38" s="16">
        <v>12700</v>
      </c>
      <c r="DK38" s="16">
        <v>2889632</v>
      </c>
    </row>
    <row r="39" spans="1:115" ht="17.25" customHeight="1">
      <c r="A39" s="8" t="s">
        <v>191</v>
      </c>
      <c r="B39" s="17">
        <v>1989129056</v>
      </c>
      <c r="C39" s="17">
        <v>19899255</v>
      </c>
      <c r="D39" s="17">
        <v>5551634</v>
      </c>
      <c r="E39" s="17">
        <v>1325805</v>
      </c>
      <c r="F39" s="17">
        <v>43434</v>
      </c>
      <c r="G39" s="17">
        <v>11764645</v>
      </c>
      <c r="H39" s="17">
        <v>0</v>
      </c>
      <c r="I39" s="17">
        <v>1213737</v>
      </c>
      <c r="J39" s="17">
        <v>819700</v>
      </c>
      <c r="K39" s="17">
        <v>18764275</v>
      </c>
      <c r="L39" s="17">
        <v>26937487</v>
      </c>
      <c r="M39" s="17">
        <v>1848069</v>
      </c>
      <c r="N39" s="17">
        <v>224934405</v>
      </c>
      <c r="O39" s="17">
        <v>1135554</v>
      </c>
      <c r="P39" s="17">
        <v>0</v>
      </c>
      <c r="Q39" s="17">
        <v>19107490</v>
      </c>
      <c r="R39" s="17">
        <v>6731090</v>
      </c>
      <c r="S39" s="17">
        <v>24367112</v>
      </c>
      <c r="T39" s="17">
        <v>63714082</v>
      </c>
      <c r="U39" s="17">
        <v>154703337</v>
      </c>
      <c r="V39" s="17">
        <v>145819571</v>
      </c>
      <c r="W39" s="17">
        <v>8882627</v>
      </c>
      <c r="X39" s="17">
        <v>1139</v>
      </c>
      <c r="Y39" s="17">
        <v>1494541</v>
      </c>
      <c r="Z39" s="17">
        <v>48298691</v>
      </c>
      <c r="AA39" s="17">
        <v>6384007</v>
      </c>
      <c r="AB39" s="17">
        <v>41914684</v>
      </c>
      <c r="AC39" s="17">
        <v>60041531</v>
      </c>
      <c r="AD39" s="17">
        <v>1556163</v>
      </c>
      <c r="AE39" s="17">
        <v>1366607</v>
      </c>
      <c r="AF39" s="17">
        <v>1842</v>
      </c>
      <c r="AG39" s="17">
        <v>187714</v>
      </c>
      <c r="AH39" s="17">
        <v>2349929</v>
      </c>
      <c r="AI39" s="17">
        <v>18231280</v>
      </c>
      <c r="AJ39" s="17">
        <v>37904159</v>
      </c>
      <c r="AK39" s="17">
        <v>23638225</v>
      </c>
      <c r="AL39" s="17">
        <v>2177071</v>
      </c>
      <c r="AM39" s="17">
        <v>21461154</v>
      </c>
      <c r="AN39" s="17">
        <v>953810295</v>
      </c>
      <c r="AO39" s="17">
        <v>63123414</v>
      </c>
      <c r="AP39" s="17">
        <v>213331874</v>
      </c>
      <c r="AQ39" s="17">
        <v>164486723</v>
      </c>
      <c r="AR39" s="17">
        <v>104991519</v>
      </c>
      <c r="AS39" s="17">
        <v>98332816</v>
      </c>
      <c r="AT39" s="17">
        <v>0</v>
      </c>
      <c r="AU39" s="17">
        <v>38992710</v>
      </c>
      <c r="AV39" s="17">
        <v>67279</v>
      </c>
      <c r="AW39" s="17">
        <v>0</v>
      </c>
      <c r="AX39" s="17">
        <v>7525560</v>
      </c>
      <c r="AY39" s="17">
        <v>0</v>
      </c>
      <c r="AZ39" s="17">
        <v>0</v>
      </c>
      <c r="BA39" s="17">
        <v>7525560</v>
      </c>
      <c r="BB39" s="17">
        <v>0</v>
      </c>
      <c r="BC39" s="17">
        <v>19897505</v>
      </c>
      <c r="BD39" s="17">
        <v>1707165</v>
      </c>
      <c r="BE39" s="17">
        <v>0</v>
      </c>
      <c r="BF39" s="17">
        <v>1558879</v>
      </c>
      <c r="BG39" s="17">
        <v>0</v>
      </c>
      <c r="BH39" s="17">
        <v>0</v>
      </c>
      <c r="BI39" s="17">
        <v>0</v>
      </c>
      <c r="BJ39" s="17">
        <v>0</v>
      </c>
      <c r="BK39" s="17">
        <v>117371290</v>
      </c>
      <c r="BL39" s="17">
        <v>2597565</v>
      </c>
      <c r="BM39" s="17">
        <v>119825996</v>
      </c>
      <c r="BN39" s="17">
        <v>6287969</v>
      </c>
      <c r="BO39" s="17">
        <v>261232303</v>
      </c>
      <c r="BP39" s="17">
        <v>165519312</v>
      </c>
      <c r="BQ39" s="17">
        <v>64478147</v>
      </c>
      <c r="BR39" s="17">
        <v>49666343</v>
      </c>
      <c r="BS39" s="17">
        <v>16506877</v>
      </c>
      <c r="BT39" s="17">
        <v>2449620</v>
      </c>
      <c r="BU39" s="17">
        <v>27320</v>
      </c>
      <c r="BV39" s="17">
        <v>3591749</v>
      </c>
      <c r="BW39" s="17">
        <v>0</v>
      </c>
      <c r="BX39" s="17">
        <v>0</v>
      </c>
      <c r="BY39" s="17">
        <v>3591749</v>
      </c>
      <c r="BZ39" s="17">
        <v>47589</v>
      </c>
      <c r="CA39" s="17">
        <v>123785</v>
      </c>
      <c r="CB39" s="17">
        <v>0</v>
      </c>
      <c r="CC39" s="17">
        <v>28627882</v>
      </c>
      <c r="CD39" s="17">
        <v>95712991</v>
      </c>
      <c r="CE39" s="17">
        <v>3630946</v>
      </c>
      <c r="CF39" s="17">
        <v>1141</v>
      </c>
      <c r="CG39" s="17">
        <v>0</v>
      </c>
      <c r="CH39" s="17">
        <v>92080904</v>
      </c>
      <c r="CI39" s="17">
        <v>55635700</v>
      </c>
      <c r="CJ39" s="17">
        <v>12666290</v>
      </c>
      <c r="CK39" s="17">
        <v>42969410</v>
      </c>
      <c r="CL39" s="17">
        <v>35515067</v>
      </c>
      <c r="CM39" s="17">
        <v>3859</v>
      </c>
      <c r="CN39" s="17">
        <v>7450484</v>
      </c>
      <c r="CO39" s="17">
        <v>27751696</v>
      </c>
      <c r="CP39" s="17">
        <v>21750654</v>
      </c>
      <c r="CQ39" s="17">
        <v>4393680</v>
      </c>
      <c r="CR39" s="17">
        <v>1607362</v>
      </c>
      <c r="CS39" s="17">
        <v>107481267</v>
      </c>
      <c r="CT39" s="17">
        <v>93588866</v>
      </c>
      <c r="CU39" s="17">
        <v>62110923</v>
      </c>
      <c r="CV39" s="17">
        <v>31477943</v>
      </c>
      <c r="CW39" s="17">
        <v>195409156</v>
      </c>
      <c r="CX39" s="17">
        <v>1317539</v>
      </c>
      <c r="CY39" s="17">
        <v>103599</v>
      </c>
      <c r="CZ39" s="17">
        <v>1147332</v>
      </c>
      <c r="DA39" s="17">
        <v>123137184</v>
      </c>
      <c r="DB39" s="17">
        <v>1602003</v>
      </c>
      <c r="DC39" s="17">
        <v>1291608</v>
      </c>
      <c r="DD39" s="17">
        <v>310395</v>
      </c>
      <c r="DE39" s="17">
        <v>13255212</v>
      </c>
      <c r="DF39" s="17">
        <v>54846287</v>
      </c>
      <c r="DG39" s="17">
        <v>27081</v>
      </c>
      <c r="DH39" s="17">
        <v>0</v>
      </c>
      <c r="DI39" s="17">
        <v>54819206</v>
      </c>
      <c r="DJ39" s="17">
        <v>265664618</v>
      </c>
      <c r="DK39" s="17">
        <v>4652425770</v>
      </c>
    </row>
  </sheetData>
  <mergeCells count="24">
    <mergeCell ref="BI2:BJ2"/>
    <mergeCell ref="W1:X1"/>
    <mergeCell ref="BW3:BY3"/>
    <mergeCell ref="AE2:AG2"/>
    <mergeCell ref="AL1:AM1"/>
    <mergeCell ref="AY2:BA2"/>
    <mergeCell ref="AD1:AJ1"/>
    <mergeCell ref="AO1:AQ1"/>
    <mergeCell ref="AR1:AX1"/>
    <mergeCell ref="AY1:BE1"/>
    <mergeCell ref="BF1:BL1"/>
    <mergeCell ref="BP1:BS1"/>
    <mergeCell ref="BQ2:BS2"/>
    <mergeCell ref="BT1:BZ1"/>
    <mergeCell ref="DC1:DI1"/>
    <mergeCell ref="DC2:DD2"/>
    <mergeCell ref="BT2:BZ2"/>
    <mergeCell ref="CA1:CG1"/>
    <mergeCell ref="CA2:CC2"/>
    <mergeCell ref="CE2:CG2"/>
    <mergeCell ref="CX1:DB1"/>
    <mergeCell ref="DG2:DI2"/>
    <mergeCell ref="CJ1:CN1"/>
    <mergeCell ref="CP1:CR1"/>
  </mergeCells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６年度市町村普通会計決算状況
 （２）歳入［&amp;P/&amp;N］&amp;R&amp;"ＭＳ ゴシック,標準"&amp;10
（単位：千円）</oddHeader>
  </headerFooter>
  <colBreaks count="16" manualBreakCount="16">
    <brk id="8" max="38" man="1"/>
    <brk id="15" max="38" man="1"/>
    <brk id="22" max="38" man="1"/>
    <brk id="29" max="38" man="1"/>
    <brk id="36" max="38" man="1"/>
    <brk id="43" max="38" man="1"/>
    <brk id="50" max="38" man="1"/>
    <brk id="57" max="38" man="1"/>
    <brk id="64" max="38" man="1"/>
    <brk id="71" max="38" man="1"/>
    <brk id="78" max="38" man="1"/>
    <brk id="85" max="38" man="1"/>
    <brk id="92" max="38" man="1"/>
    <brk id="99" max="38" man="1"/>
    <brk id="106" max="38" man="1"/>
    <brk id="113" max="3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2</vt:lpstr>
      <vt:lpstr>'12'!Print_Area</vt:lpstr>
      <vt:lpstr>'12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5-11-06T07:07:46Z</cp:lastPrinted>
  <dcterms:created xsi:type="dcterms:W3CDTF">2013-03-18T10:11:33Z</dcterms:created>
  <dcterms:modified xsi:type="dcterms:W3CDTF">2026-02-26T01:17:32Z</dcterms:modified>
</cp:coreProperties>
</file>